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2228"/>
  <workbookPr autoCompressPictures="0"/>
  <mc:AlternateContent xmlns:mc="http://schemas.openxmlformats.org/markup-compatibility/2006">
    <mc:Choice Requires="x15">
      <x15ac:absPath xmlns:x15ac="http://schemas.microsoft.com/office/spreadsheetml/2010/11/ac" url="C:\Users\s428393\Dropbox\2018_RWS\Data\Data Tables\Data Tables by Regions and Groups\RDAsLGAs regions\"/>
    </mc:Choice>
  </mc:AlternateContent>
  <xr:revisionPtr revIDLastSave="0" documentId="13_ncr:1_{8ACEC327-AC7A-434A-AC75-CD05EDCF284E}" xr6:coauthVersionLast="45" xr6:coauthVersionMax="45" xr10:uidLastSave="{00000000-0000-0000-0000-000000000000}"/>
  <bookViews>
    <workbookView xWindow="28680" yWindow="-120" windowWidth="29040" windowHeight="15840" tabRatio="909" xr2:uid="{00000000-000D-0000-FFFF-FFFF00000000}"/>
  </bookViews>
  <sheets>
    <sheet name="Cover" sheetId="2" r:id="rId1"/>
    <sheet name="Explanatory notes" sheetId="11" r:id="rId2"/>
    <sheet name="About the region" sheetId="10" r:id="rId3"/>
    <sheet name="Index of tables" sheetId="3" r:id="rId4"/>
    <sheet name="1 IndividualWellbeing" sheetId="12" r:id="rId5"/>
    <sheet name="2 CommunityWellbeing" sheetId="22" r:id="rId6"/>
    <sheet name="3 FinancialCapital" sheetId="13" r:id="rId7"/>
    <sheet name="4 HumanCapital" sheetId="17" r:id="rId8"/>
    <sheet name="5 InstitutionalCapital" sheetId="18" r:id="rId9"/>
    <sheet name="6 SocialCapital" sheetId="19" r:id="rId10"/>
    <sheet name="7 PhysicalCapital" sheetId="20" r:id="rId11"/>
    <sheet name="8 NaturalCapital" sheetId="21" r:id="rId12"/>
  </sheets>
  <calcPr calcId="145621"/>
</workbook>
</file>

<file path=xl/sharedStrings.xml><?xml version="1.0" encoding="utf-8"?>
<sst xmlns="http://schemas.openxmlformats.org/spreadsheetml/2006/main" count="3507" uniqueCount="616">
  <si>
    <t>Index of data tables</t>
  </si>
  <si>
    <t>Household financial wellbeing</t>
  </si>
  <si>
    <t>Why aren't data from every survey question reported for every region?</t>
  </si>
  <si>
    <t>General health</t>
  </si>
  <si>
    <t>Community leadership and collaboration</t>
  </si>
  <si>
    <t>Wellbeing</t>
  </si>
  <si>
    <t>Global Life Satisfaction</t>
  </si>
  <si>
    <t>Personal Wellbeing Index</t>
  </si>
  <si>
    <t>Satisfaction with life as a whole (average score, from a possible 0-100)</t>
  </si>
  <si>
    <t>Personal wellbeing (average score, from a possible 0-100)</t>
  </si>
  <si>
    <t>Community economic wellbeing</t>
  </si>
  <si>
    <t>Having a say and being heard</t>
  </si>
  <si>
    <t>Spending time with friends and family</t>
  </si>
  <si>
    <t>Sense of belonging</t>
  </si>
  <si>
    <t>Sense of belonging
 (average score, from a possible 1-7)</t>
  </si>
  <si>
    <t>Access to telecommunications</t>
  </si>
  <si>
    <t>Landscape and aesthetics</t>
  </si>
  <si>
    <t>Perceived environmental health</t>
  </si>
  <si>
    <t>Determinants of Wellbeing</t>
  </si>
  <si>
    <t>General health (average score, from a possible 1-5)</t>
  </si>
  <si>
    <t>Household financial wellbeing (average score, from a possible 1-7)</t>
  </si>
  <si>
    <t>Community economic wellbeing (average score, from a possible 1-7)</t>
  </si>
  <si>
    <t>Community leadership and collaboration (average score, from a possible 1-7)</t>
  </si>
  <si>
    <t>Having a say and being heard (average score, from a possible 1-7)</t>
  </si>
  <si>
    <t>Spending time with friends and family (average score, from a possible 1-7)</t>
  </si>
  <si>
    <t>Getting involved in the community (average score, from a possible 1-7)</t>
  </si>
  <si>
    <t>Access to telecommunications (average score, from a possible 1-7)</t>
  </si>
  <si>
    <t>Crime and safety (average score, from a possible 1-7)</t>
  </si>
  <si>
    <t>Landscape and aesthetics (average score, from a possible 1-7)</t>
  </si>
  <si>
    <t>Perceived environmental health (average score, from a possible 1-7)</t>
  </si>
  <si>
    <t>Volunteering</t>
  </si>
  <si>
    <t>General health - distribution of responses</t>
  </si>
  <si>
    <t>Personal Wellbeing Domains</t>
  </si>
  <si>
    <t xml:space="preserve">Changes in community liveability </t>
  </si>
  <si>
    <t>Household financial measures</t>
  </si>
  <si>
    <t>Financial distress</t>
  </si>
  <si>
    <t>Community economic measures</t>
  </si>
  <si>
    <t>Self-efficacy</t>
  </si>
  <si>
    <t>Self-efficacy measures</t>
  </si>
  <si>
    <t>Institutional capital</t>
  </si>
  <si>
    <t>Human capital</t>
  </si>
  <si>
    <t>Financial capital</t>
  </si>
  <si>
    <t>Having a say and being heard measures</t>
  </si>
  <si>
    <t>Equity and inclusion</t>
  </si>
  <si>
    <t>Social capital</t>
  </si>
  <si>
    <t>Spending time with friends and family measures</t>
  </si>
  <si>
    <t>Getting involved measures</t>
  </si>
  <si>
    <t>Physical capital</t>
  </si>
  <si>
    <t xml:space="preserve">Access to roads and public transport </t>
  </si>
  <si>
    <t>Crime and safety in the local community</t>
  </si>
  <si>
    <t>Crime and safety in the local community measures</t>
  </si>
  <si>
    <t>Landscape and aesthetics measures</t>
  </si>
  <si>
    <t>Natural capital</t>
  </si>
  <si>
    <t>Perceived environmental health measures</t>
  </si>
  <si>
    <t>Personal wellbeing domains</t>
  </si>
  <si>
    <t>Each individual item used to create the Personal Wellbeing Index is presented individually.</t>
  </si>
  <si>
    <t>Feeling life is worthwhile (average score, from a possible 0-100)</t>
  </si>
  <si>
    <t xml:space="preserve">Each individual item used to create the Community Wellbeing Index is presented individually. </t>
  </si>
  <si>
    <t>Changes in liveability ('getting worse' (1) to 'getting better' (7))</t>
  </si>
  <si>
    <t>Wellbeing of people</t>
  </si>
  <si>
    <t>Wellbeing of communities</t>
  </si>
  <si>
    <t>Self-efficacy (average score, from a possible 1-7)</t>
  </si>
  <si>
    <t>Institutional Capital</t>
  </si>
  <si>
    <t>Equity and inclusion (average score, from a possible 1-7)</t>
  </si>
  <si>
    <t>Participation in volunteering - distribution of responses</t>
  </si>
  <si>
    <t>Access to roads and public transport (average score, from a possible 1-7)</t>
  </si>
  <si>
    <t>Access to food and retail shops  (average score, from a possible 1-7)</t>
  </si>
  <si>
    <t>Access to telecommunications measures</t>
  </si>
  <si>
    <t xml:space="preserve">Global life satisfaction   </t>
  </si>
  <si>
    <t>The Global Life Satisfaction score was calculated based on respondents' rating of their satisfaction with their 'life as a whole’, on a scale of 'completely dissatisfied' (0) to 'completely satisfied' (10). Scores have been multiplied by 10 (so life satisfaction is measured on a scale of 0 to 100).</t>
  </si>
  <si>
    <t>Satisfaction with life as a whole
(average score, from a possible 0-100)</t>
  </si>
  <si>
    <t>Region name</t>
  </si>
  <si>
    <t xml:space="preserve">Total
number of
respondents
</t>
  </si>
  <si>
    <t>Confidence interval for mean</t>
  </si>
  <si>
    <t>Number of people living in this region who answered this question on the survey</t>
  </si>
  <si>
    <t>Measured from 0 (completely dissatisfied) to 100 (completely satisfied)</t>
  </si>
  <si>
    <t>There is 95% confidence that if the survey was repeated, the value would fall between the mean ± the confidence interval</t>
  </si>
  <si>
    <t>Personal Wellbeing Index
(average score, from possible 0-100)</t>
  </si>
  <si>
    <t xml:space="preserve">Satisfaction with….
</t>
  </si>
  <si>
    <t xml:space="preserve">….your standard of living 
</t>
  </si>
  <si>
    <t>….your personal relationships</t>
  </si>
  <si>
    <t>….how safe you feel</t>
  </si>
  <si>
    <t>….feeling part of your community</t>
  </si>
  <si>
    <t>….your future security</t>
  </si>
  <si>
    <t>This community copes pretty well when faced with challenges
(Measured 'strongly disagree' (1) to 'strongly agree' (7))</t>
  </si>
  <si>
    <t>Confidence interval for % who disagree</t>
  </si>
  <si>
    <t>Confidence interval for % who neither agree or disagree</t>
  </si>
  <si>
    <t xml:space="preserve">Confidence interval for % who  agree </t>
  </si>
  <si>
    <t>There is 95% confidence that if the survey was repeated, the value would fall between the % ± the confidence interval</t>
  </si>
  <si>
    <t>The liveability of this community is…..
(Measured 'getting worse' (1) to 'getting better' (7))</t>
  </si>
  <si>
    <t>The friendliness of this community is…..
(Measured 'getting worse' (1) to 'getting better' (7))</t>
  </si>
  <si>
    <t>The local economy is…..
(Measured 'getting worse' (1) to 'getting better' (7))</t>
  </si>
  <si>
    <t>Confidence interval for % who feel liveability is getting worse</t>
  </si>
  <si>
    <t>Confidence interval for % who feel liveability is neither getting better or worse</t>
  </si>
  <si>
    <t>Confidence interval for % who feel liveability is getting better</t>
  </si>
  <si>
    <t>Confidence interval for % who feel friendliness is getting worse</t>
  </si>
  <si>
    <t>Confidence interval for % who feel friendliness is neither getting better or worse</t>
  </si>
  <si>
    <t>Confidence interval for % who feel friendliness is getting better</t>
  </si>
  <si>
    <t>Confidence interval for % who feel local economy is getting worse</t>
  </si>
  <si>
    <t>Confidence interval for % who feel local economy is neither getting better or worse</t>
  </si>
  <si>
    <t>Confidence interval for % who feel local economy is getting better</t>
  </si>
  <si>
    <t>Confidence interval for % who feel landscape and surrounds are getting worse</t>
  </si>
  <si>
    <t>Confidence interval for % who feel landscape and surrounds are neither getting better or worse</t>
  </si>
  <si>
    <t>Confidence interval for % who feel landscape and surrounds are getting better</t>
  </si>
  <si>
    <t>Measured from 1 (getting worse) to 7 (getting better)</t>
  </si>
  <si>
    <t>Household financial wellbeing
 (average score, from a possible 1-7)</t>
  </si>
  <si>
    <t>Measured from 1 (lowest level of financial wellbeing) to 7 (highest level of financial wellbeing)</t>
  </si>
  <si>
    <t>Household income  - distribution of responses</t>
  </si>
  <si>
    <t>Confidence interval for %  $0-$51,999</t>
  </si>
  <si>
    <t>Confidence interval for poor or very poor</t>
  </si>
  <si>
    <t>Confidence interval for just getting along</t>
  </si>
  <si>
    <t>Confidence interval for reasonably comfortable</t>
  </si>
  <si>
    <t>Confidence interval for very comfortable or prosperous</t>
  </si>
  <si>
    <t>Confidence interval for no financial distress</t>
  </si>
  <si>
    <t>Community economic wellbeing
 (average score, from a possible 1-7)</t>
  </si>
  <si>
    <t>Measured from 1 (low levels of community economic wellbeing) to 7 (high levels of community economic wellbeing)</t>
  </si>
  <si>
    <t>General health
 (average score, from a possible 1-5)</t>
  </si>
  <si>
    <t>Confidence interval for % good</t>
  </si>
  <si>
    <t>Measured from 1 (poor) to 5 (excellent)</t>
  </si>
  <si>
    <t>Self-efficacy
 (average score, from a possible 1-7)</t>
  </si>
  <si>
    <t>Measured from 1 (low levels of self-efficacy) to 7 (high levels of self-efficacy)</t>
  </si>
  <si>
    <t>Local groups and organisations around here are good at getting things done
(Measured 'strongly disagree' (1) to 'strongly agree' (7))</t>
  </si>
  <si>
    <t>Having a say and being heard
(average score, from a possible 1-7)</t>
  </si>
  <si>
    <t>Measured from 1 (low feelings of having a say and being heard) to 7 (high feelings of having a say and being heard)</t>
  </si>
  <si>
    <t>My local government is able to help our community face challenges 
(Measured 'strongly disagree' (1) to 'strongly agree' (7))</t>
  </si>
  <si>
    <t>I can get involved in local decision-making processes if I want to 
(Measured 'strongly disagree' (1) to 'strongly agree' (7))</t>
  </si>
  <si>
    <t>There is 95% confidence that if the survey was repeated, the value would fall between the % disagree ± the confidence interval</t>
  </si>
  <si>
    <t>There is 95% confidence that if the survey was repeated, the value would fall between the % neither agree/disagree ± the confidence interval</t>
  </si>
  <si>
    <t>There is 95% confidence that if the survey was repeated, the value would fall between the % agree ± the confidence interval</t>
  </si>
  <si>
    <t>Spending time with friends and family
(average score, from a possible 1-7)</t>
  </si>
  <si>
    <t>Measured from 1 (low levels of informal social connectedness) to 7 (high levels of informal social connectedness)</t>
  </si>
  <si>
    <t>% Never/rarely</t>
  </si>
  <si>
    <t>% Sometimes</t>
  </si>
  <si>
    <t>%  Regularly/all the time</t>
  </si>
  <si>
    <t>Measured from 1 (low levels of involvement) to 7 (high levels of involvement)</t>
  </si>
  <si>
    <t>Confidence interval for % who never/rarely get involved</t>
  </si>
  <si>
    <t>Confidence interval for % who sometimes get involved</t>
  </si>
  <si>
    <t xml:space="preserve">Confidence interval for % who  regularly/all the time get involved </t>
  </si>
  <si>
    <t>Confidence interval for % who never volunteer</t>
  </si>
  <si>
    <t>Occasionally volunteer</t>
  </si>
  <si>
    <t>Confidence interval for % who occasionally volunteer</t>
  </si>
  <si>
    <t>I feel welcome here
(Measured 'strongly disagree' (1) to 'strongly agree' (7))</t>
  </si>
  <si>
    <t>There is 95% confidence that if the survey was repeated, the value would fall between the %± the confidence interval</t>
  </si>
  <si>
    <t>Confidence interval for % poor</t>
  </si>
  <si>
    <t>Confidence interval for % neither poor nor good</t>
  </si>
  <si>
    <t>Crime and safety in the local community
(average score, from a possible 1-7)</t>
  </si>
  <si>
    <t>Measured from 1 (low levels of safety) to 7 (high levels of safety)</t>
  </si>
  <si>
    <t>Landscape and aesthetics
(average score, from a possible 1-7)</t>
  </si>
  <si>
    <t>Measured from 1 (low landscape and aesthetics) to 7 (high landscape and aesthetics)</t>
  </si>
  <si>
    <t>Perceived environmental health
(average score, from a possible 1-7)</t>
  </si>
  <si>
    <t>Measured from 1 (poor environmental health) to 7 (good environmental health)</t>
  </si>
  <si>
    <t>Where do the data presented in this spreadsheet come from?</t>
  </si>
  <si>
    <t>Where can I find more information on the data included in this spreadsheet?</t>
  </si>
  <si>
    <t>What uses are permitted of the data in this spreadsheet?</t>
  </si>
  <si>
    <t>How representative and reliable are the data in this spreadsheet?</t>
  </si>
  <si>
    <t xml:space="preserve">Sometimes data are reported for larger regions, but not smaller regions. This is done when the number of responses to a survey question was small, and as a result there are not enough responses to break them down into small regions. This usually occurs for questions that were not asked of all survey participants, or for regions in which a smaller number of survey responses were received. </t>
  </si>
  <si>
    <t xml:space="preserve">% residents who disagree </t>
  </si>
  <si>
    <t xml:space="preserve">% residents who neither agree or disagree </t>
  </si>
  <si>
    <t xml:space="preserve">% residents who agree </t>
  </si>
  <si>
    <t>% residents who had a score of 1, 2 or 3 out of 7</t>
  </si>
  <si>
    <t>% residents who had a score of 4 out of 7</t>
  </si>
  <si>
    <t>% residents who had a score of 5, 6 or 7 out of 7</t>
  </si>
  <si>
    <t>% residents who feel liveability is getting worse</t>
  </si>
  <si>
    <t>% residents who feel liveability is neither getting better or worse</t>
  </si>
  <si>
    <t>% residents who feel liveability is getting better</t>
  </si>
  <si>
    <t>% residents who feel friendliness is getting worse</t>
  </si>
  <si>
    <t>% residents who feel friendliness is neither getting better or worse</t>
  </si>
  <si>
    <t>% residents who feel friendliness is getting better</t>
  </si>
  <si>
    <t>% residents who feel local economy is getting worse</t>
  </si>
  <si>
    <t>% residents who feel local economy is neither getting better or worse</t>
  </si>
  <si>
    <t>% residents who feel local economy is getting better</t>
  </si>
  <si>
    <t>% residents who feel landscape and surrounds are getting worse</t>
  </si>
  <si>
    <t>% residents who feel landscape and surrounds are  neither getting better or worse</t>
  </si>
  <si>
    <t>% residents who feel landscape and surrounds are getting better</t>
  </si>
  <si>
    <t>% residents $0-$51,999</t>
  </si>
  <si>
    <t>% residents who were poor or very poor</t>
  </si>
  <si>
    <t>% residents who were just getting along</t>
  </si>
  <si>
    <t>% residents who were reasonably comfortable</t>
  </si>
  <si>
    <t>% residents who selected none of the financial distress items</t>
  </si>
  <si>
    <t>% residents who reported good health</t>
  </si>
  <si>
    <t>% residents who never/rarely get involved</t>
  </si>
  <si>
    <t>% residents who sometimes get involved</t>
  </si>
  <si>
    <t xml:space="preserve">% residents who regularly/all the time get involved </t>
  </si>
  <si>
    <t>% residents who reported 1 out of 7</t>
  </si>
  <si>
    <t>% residents who reported 2, 3 or 4 out of 7</t>
  </si>
  <si>
    <t>% residents who reported 5, 6 or 7 out of 7</t>
  </si>
  <si>
    <t>% residents whose income is between $0 and $51,999</t>
  </si>
  <si>
    <t>% residents $52,000-$124,999</t>
  </si>
  <si>
    <t>% residents whose income is between $52,000 and $124,999</t>
  </si>
  <si>
    <t>% residents $125,000+</t>
  </si>
  <si>
    <t>% residents whose income is $125,000+</t>
  </si>
  <si>
    <t>% residents who selected 1 of the financial distress items</t>
  </si>
  <si>
    <t>% residents who selected 2, 3 or 4 of the financial distress items</t>
  </si>
  <si>
    <t>There are plenty of jobs available around here at the moment
(Measured 'strongly disagree' (1) to 'strongly agree' (7))</t>
  </si>
  <si>
    <t xml:space="preserve">% residents with no or very low financial distress  </t>
  </si>
  <si>
    <t xml:space="preserve">% residents with low-moderate financial distress </t>
  </si>
  <si>
    <t xml:space="preserve">% residents with high financial distress </t>
  </si>
  <si>
    <t>% residents who reported fair health</t>
  </si>
  <si>
    <t xml:space="preserve">Confidence interval for % fair </t>
  </si>
  <si>
    <t>% residents who reported poor health</t>
  </si>
  <si>
    <t xml:space="preserve">Confidence interval for % good </t>
  </si>
  <si>
    <t xml:space="preserve">Confidence interval for % very good </t>
  </si>
  <si>
    <t>% residents who reported very good health</t>
  </si>
  <si>
    <t>% residents who reported excellent health</t>
  </si>
  <si>
    <t>Confidence interval for % excellent</t>
  </si>
  <si>
    <t>K6 psychological distress</t>
  </si>
  <si>
    <t xml:space="preserve">The Kessler six-item measure of General Psychological Distress (the ‘K6’) is measured by asking respondents ‘in the last four weeks, how often have you felt… Nervous?, Hopeless?, Restless or fidgety?, Depressed?, That everything was an effort?, Worthless?'
For each of the 6 items, participants indicated whether they had felt this way: none of the time (1), a little of the time (2), some of the time (3), most of the time (4), or all of the time (5). Total scores were added across these 6 items, to give an overall score of distress measured from a lowest possible score of 6 (no distress at all) to a maximum of 30 (the most severe distress). </t>
  </si>
  <si>
    <t>K6 - distribution of responses</t>
  </si>
  <si>
    <t>% residents with a K6 score between 6 and 18</t>
  </si>
  <si>
    <t>Confidence interval for % 6-18</t>
  </si>
  <si>
    <t>% residents with a K6 score 19-30</t>
  </si>
  <si>
    <t>Confidence interval for % 19-30</t>
  </si>
  <si>
    <t>Low probability of serious mental illness (6-18)</t>
  </si>
  <si>
    <t>High probability of serious mental illness (19-30)</t>
  </si>
  <si>
    <t>I am confident I can achieve the things I want in my work
(Measured 'strongly disagree' (1) to 'strongly agree' (7))</t>
  </si>
  <si>
    <t>K6 psychological distress (average score, from a possible 6-30)</t>
  </si>
  <si>
    <t>K6 psychological distress - distribution of responses</t>
  </si>
  <si>
    <t>I attend meetings/social events of local clubs/groups e.g. Lions, CWA
'(Measured 'never or almost never' (1) to 'all the time' (7))</t>
  </si>
  <si>
    <t>I take part in sports groups or teams
'(Measured 'never or almost never' (1) to 'all the time' (7))</t>
  </si>
  <si>
    <t>Never or almost never volunteer</t>
  </si>
  <si>
    <t>Volunteering - distribution of responses
'(Measured 'never or almost never' (1) to 'all the time' (7))</t>
  </si>
  <si>
    <t>Living costs are affordable here
(Measured 'strongly disagree' (1) to 'strongly agree' (7))</t>
  </si>
  <si>
    <t>For more information about data, see the reports available on our website, www.regionalwellbeing.org.au. The measures presented in this table are described in detail in the 'Wellbeing, Resilience and Liveability in Regional Australia' report of the 2015 Regional Wellbeing Survey, downloadable from the '2015 Regional Wellbeing Survey reports and results' section of our website.</t>
  </si>
  <si>
    <t>Eudaimonic Wellbeing Domains</t>
  </si>
  <si>
    <t xml:space="preserve">To what extent do you feel the things you do in your life are worthwhile?
</t>
  </si>
  <si>
    <t>How much do you feel your life has purpose?</t>
  </si>
  <si>
    <t xml:space="preserve">How meaningful does your life feel?
</t>
  </si>
  <si>
    <t>Migration</t>
  </si>
  <si>
    <t>People shifting away from the area
(measured 'not a problem' (1) to 'very big problem' (7))</t>
  </si>
  <si>
    <t>% residents who rated it as poor</t>
  </si>
  <si>
    <t>I have the skills and education I need to achieve what I want to in life
(Measured 'strongly disagree' (1) to 'strongly agree' (7))</t>
  </si>
  <si>
    <t>Contributing to local governance</t>
  </si>
  <si>
    <t>I actively contribute to discussion and decision making in my local region, e.g. local government, school, councils, or business groups
(Measured 'strongly disagree' (1) to 'strongly agree' (7))</t>
  </si>
  <si>
    <t>Getting involved in the community</t>
  </si>
  <si>
    <t>Getting involved in the community
 (average score, from a possible 1-7)</t>
  </si>
  <si>
    <t>Community events e.g. festivals
'(Measured 'very poor' (1) to 'very good' (7))</t>
  </si>
  <si>
    <t>Access to health and education services</t>
  </si>
  <si>
    <t>Availability of good local restaurants/cafes
(Measured 'very poor' (1) to 'very good' (7))</t>
  </si>
  <si>
    <t>Access to local government services</t>
  </si>
  <si>
    <t>Local government services
(Measured 'very poor' (1) to 'very good' (7))</t>
  </si>
  <si>
    <t>Mobile phone reception
(Measured 'very poor' (1) to 'very good' (7))</t>
  </si>
  <si>
    <t>Access to telecommunications
(average score, from a possible 1-7)</t>
  </si>
  <si>
    <t>Measured from 1 (low levels of telecommunications) to 7 (high levels of telecommunications)</t>
  </si>
  <si>
    <t>Eudaimonic Wellbeing Index</t>
  </si>
  <si>
    <t>Eudaimonic Wellbeing Index
(average score, from a possible 0-100)</t>
  </si>
  <si>
    <t xml:space="preserve">
</t>
  </si>
  <si>
    <t>Measured from 0 (low not at all) to 100 (very much so)</t>
  </si>
  <si>
    <t>Measured from 0 (not at all) to 100 (very much so)</t>
  </si>
  <si>
    <t xml:space="preserve">Wellbeing - Emotional Affect Index  </t>
  </si>
  <si>
    <t>Wellbeing - Emotional Affect Index</t>
  </si>
  <si>
    <t>Wellbeing - Emotional Affect individual measures</t>
  </si>
  <si>
    <t>% residents who felt not at all happy</t>
  </si>
  <si>
    <t>% residents who felt happy all the time</t>
  </si>
  <si>
    <t>% residents who felt happy sometimes</t>
  </si>
  <si>
    <t>Confidence interval for % who felt not at all happy</t>
  </si>
  <si>
    <t>Confidence interval for % who felt happy sometimes</t>
  </si>
  <si>
    <t>Confidence interval for % who  felt happy all the time</t>
  </si>
  <si>
    <t>% residents who felt not at all worried</t>
  </si>
  <si>
    <t>Confidence interval for % who felt not at all worried</t>
  </si>
  <si>
    <t>% residents who felt worried sometimes</t>
  </si>
  <si>
    <t>Confidence interval for % who felt worried sometimes</t>
  </si>
  <si>
    <t>% residents who felt worried all the time</t>
  </si>
  <si>
    <t>Confidence interval for % who  felt worried all the time</t>
  </si>
  <si>
    <t>% residents who felt not at all depressed</t>
  </si>
  <si>
    <t>Confidence interval for % who felt not at all depressed</t>
  </si>
  <si>
    <t>% residents who felt depressed sometimes</t>
  </si>
  <si>
    <t>Confidence interval for % who felt depressed sometimes</t>
  </si>
  <si>
    <t>% residents who felt depressed all the time</t>
  </si>
  <si>
    <t>Confidence interval for % who  felt depressed all the time</t>
  </si>
  <si>
    <t>To what extent are the following problems/challenges in your community at the moment? - Conflict/disagreement between some people
(Measured 'not a problem' (1) to 'very big problem' (7))</t>
  </si>
  <si>
    <t>Confidence interval for % who rated it as neither poor or good</t>
  </si>
  <si>
    <t>Confidence interval for % who  rated it as good</t>
  </si>
  <si>
    <t>I make time to keep in touch with my friends
'(Measured 'never or almost never' (1) to 'all the time' (7))</t>
  </si>
  <si>
    <t>I spend time doing things with family members who don’t live with me
'(Measured 'never or almost never' (1) to 'all the time' (7))</t>
  </si>
  <si>
    <t>Self-rated financial wellbeing - distribution of responses
(Measured 'very poor' (1) to 'prosperous' (6))</t>
  </si>
  <si>
    <t>% residents who indicated they were poor (2) or very poor (1)</t>
  </si>
  <si>
    <t>% residents who indicated they were just getting along (3)</t>
  </si>
  <si>
    <t>% residents who indicated they were reasonably comfortable (4)</t>
  </si>
  <si>
    <t>Confidence interval for low-moderate financial distress</t>
  </si>
  <si>
    <t>Confidence interval for high financial distress</t>
  </si>
  <si>
    <t>% residents who reported low emotional affect</t>
  </si>
  <si>
    <t>% residents who reported moderate emotional affect</t>
  </si>
  <si>
    <t>% residents who reported high emotional affect</t>
  </si>
  <si>
    <t>Confidence interval for % who reported low emotional affect</t>
  </si>
  <si>
    <t>Confidence interval for % who reported moderate emotional affect</t>
  </si>
  <si>
    <t>Confidence interval for % who reported high emotional affect</t>
  </si>
  <si>
    <t>Yesterday, did you feel happy
(Measured 'not at all' (0) to 'all of the time' (10))</t>
  </si>
  <si>
    <t>Yesterday, did you feel worried
(Measured 'not at all' (0) to 'all of the time' (10))</t>
  </si>
  <si>
    <t>Yesterday, did you feel depressed
(Measured 'not at all' (0) to 'all of the time' (10))</t>
  </si>
  <si>
    <t>Measured from 6 (no distress at all) to a maximum of 30 (the most severe distress)</t>
  </si>
  <si>
    <t xml:space="preserve"> I am confident I can achieve the things I want in life
(Measured 'strongly disagree' (1) to 'strongly agree' (7))</t>
  </si>
  <si>
    <t>Safety of the local area
(Measured 'very poor' (1) to 'very good' (7))</t>
  </si>
  <si>
    <t>Crime
(Measured 'not a problem' (1) to 'very big problem' (7))</t>
  </si>
  <si>
    <t>Drug abuse
(Measured 'not a problem' (1) to 'very big problem' (7))</t>
  </si>
  <si>
    <t>Alcohol abuse
(Measured 'not a problem' (1) to 'very big problem' (7))</t>
  </si>
  <si>
    <t>Domestic violence
(Measured 'not a problem' (1) to 'very big problem' (7))</t>
  </si>
  <si>
    <t>Confidence interval for % who rated poor</t>
  </si>
  <si>
    <t>% residents who rated it as neither poor or good</t>
  </si>
  <si>
    <t xml:space="preserve">% residents who rated it as good </t>
  </si>
  <si>
    <t>% residents who rated not a problem</t>
  </si>
  <si>
    <t>Confidence interval for % who  don't know</t>
  </si>
  <si>
    <t>% residents who don't know</t>
  </si>
  <si>
    <t>Measured from 1 strongly disagree) to 7 (strongly agree)</t>
  </si>
  <si>
    <t>Measured from 1 (not a problem) to 7 (very big problem)</t>
  </si>
  <si>
    <t>Measured from 1 (very poor) to 7 (very good)</t>
  </si>
  <si>
    <t>Measured from 1 (strongly disagree) to 7 (strongly agree)</t>
  </si>
  <si>
    <t>Measured from 1 (never or almost never) to 7 (all the time)</t>
  </si>
  <si>
    <t>% Poor</t>
  </si>
  <si>
    <t>% Fair</t>
  </si>
  <si>
    <t>% Good</t>
  </si>
  <si>
    <t>% Very good</t>
  </si>
  <si>
    <t>% Excellent</t>
  </si>
  <si>
    <t>% residents who rated access as poor</t>
  </si>
  <si>
    <t>% residents who rated access as neither poor nor good</t>
  </si>
  <si>
    <t>% residents who rated access as good</t>
  </si>
  <si>
    <t>Confidence interval for % who don't know</t>
  </si>
  <si>
    <t>% residents who rated access as neither poor or good</t>
  </si>
  <si>
    <t>Confidence interval for % neither poor or good</t>
  </si>
  <si>
    <t>Respondents were asked how often they volunteer in their local community e.g. for groups like fire brigades, sports clubs, school canteen, meals on wheels, festivals, on a 7-point scale from 'never or almost never' (1) through to 'all the time' (7). The 'volunteering' measure was reported as an average and at the proportional level of never or almost never/occasionally/all the time.</t>
  </si>
  <si>
    <t>Volunteer all the time</t>
  </si>
  <si>
    <t>Confidence interval for % who volunteer all the time</t>
  </si>
  <si>
    <t>If I could, I would shift to live in another community
(measured 'strongly disagree' (1) to 'strongly agree' (7))</t>
  </si>
  <si>
    <t>Confidence interval for % Never/rarely</t>
  </si>
  <si>
    <t>Confidence interval for % Sometimes</t>
  </si>
  <si>
    <t>Confidence interval for % regularly/all the time</t>
  </si>
  <si>
    <t>Wellbeing-  Emotional Affect Index - distribution of responses</t>
  </si>
  <si>
    <t>Confidence interval for % problem</t>
  </si>
  <si>
    <t>% residents who rated lack of food as moderate problem</t>
  </si>
  <si>
    <t>Confidence interval for % moderate</t>
  </si>
  <si>
    <t>Confidence interval for % not a problem</t>
  </si>
  <si>
    <t>Financial distress distribution</t>
  </si>
  <si>
    <t xml:space="preserve">% low </t>
  </si>
  <si>
    <t>(below scores of 60)</t>
  </si>
  <si>
    <t>% high</t>
  </si>
  <si>
    <t>(above scores of 80)</t>
  </si>
  <si>
    <t>Confidence interval for low score</t>
  </si>
  <si>
    <t>Confidence interval for high score</t>
  </si>
  <si>
    <t xml:space="preserve">….your health
</t>
  </si>
  <si>
    <t xml:space="preserve">….what you are currently achieving in life
</t>
  </si>
  <si>
    <t>Changes in community liveability</t>
  </si>
  <si>
    <t>Access to health and education (average score, from a possible 1-7)</t>
  </si>
  <si>
    <t>Access to local government services  (average score, from a possible 1-7)</t>
  </si>
  <si>
    <t>% residents who had a score of 6 or 7 out of 7</t>
  </si>
  <si>
    <t>% residents who rated it as a moderate problem</t>
  </si>
  <si>
    <t>% residents who had a score of 4 or 5 out of 7</t>
  </si>
  <si>
    <t>Confidence interval for % who rated it as a moderate problem</t>
  </si>
  <si>
    <t>% residents who rated it as a large problem</t>
  </si>
  <si>
    <t>Confidence interval for % who rated it as a large problem</t>
  </si>
  <si>
    <t>% residents who rated it as no/low problem</t>
  </si>
  <si>
    <t>Confidence interval for % who rated it as no/low problem</t>
  </si>
  <si>
    <t>Australia</t>
  </si>
  <si>
    <t>Regional Australia</t>
  </si>
  <si>
    <t>Urban Australia</t>
  </si>
  <si>
    <t xml:space="preserve">Self-efficacy </t>
  </si>
  <si>
    <t xml:space="preserve">Self-efficacy measures </t>
  </si>
  <si>
    <t xml:space="preserve">Access to telecommunications </t>
  </si>
  <si>
    <t xml:space="preserve">Crime and safety in the local community </t>
  </si>
  <si>
    <t xml:space="preserve">Crime and safety in the local community measures  </t>
  </si>
  <si>
    <t>Measured from 0 (low emotional affect) to 10 (high emotional affect)</t>
  </si>
  <si>
    <t>Explanatory notes</t>
  </si>
  <si>
    <t>Respondents were asked ‘how would you rate your general health?’, and asked to select one of the following options: poor, fair, good, very good or excellent. 
Responses are reported  as an average and as the % providing each response.</t>
  </si>
  <si>
    <t xml:space="preserve">The Community Wellbeing Index is the average score of answers to five questions on the survey, each of which is measured on a 7-point scale from ‘strongly disagree’ (1) to ‘strongly agree’ (7). 
The items included in the index were: (i) My community is a great place to live, (ii) This community copes pretty well when faced with challenges, (iii) I feel proud to live in this community, (iv) This community has a bright future, and (v) There's good community spirit around here. </t>
  </si>
  <si>
    <t>Community wellbeing
 (average score, from a possible 1-7)</t>
  </si>
  <si>
    <t>Community Wellbeing Index</t>
  </si>
  <si>
    <t>My community is a great place to live
(Measured 'strongly disagree' (1) to 'strongly agree' (7))</t>
  </si>
  <si>
    <t>I feel proud to live in this community
(Measured 'strongly disagree' (1) to 'strongly agree' (7))</t>
  </si>
  <si>
    <t>This community has a bright future
(Measured 'strongly disagree' (1) to 'strongly agree' (7))</t>
  </si>
  <si>
    <t>There's good community spirit around here
(Measured 'strongly disagree' (1) to 'strongly agree' (7))</t>
  </si>
  <si>
    <t>Likelihood of shifting in the next 12 months 
(measured 'very unlikely' (1) to 'very likely' (5))</t>
  </si>
  <si>
    <t xml:space="preserve">% residents who were unlikely to shift </t>
  </si>
  <si>
    <t xml:space="preserve">Confidence interval for % who were unlikely to shift </t>
  </si>
  <si>
    <t xml:space="preserve">% residents who were neither likely or unlikely to shift </t>
  </si>
  <si>
    <t>Confidence interval for % who neither likely or unlikely to shift</t>
  </si>
  <si>
    <t xml:space="preserve">% residents who were likely to shift  </t>
  </si>
  <si>
    <t>Confidence interval for % who  were likely to shift</t>
  </si>
  <si>
    <t>% residents who had a score of 1 or 2 out of 5</t>
  </si>
  <si>
    <t>There is 95% confidence that if the survey was repeated, the value would fall between the %  ± the confidence interval</t>
  </si>
  <si>
    <t>% residents who had a score of 3 out of 5</t>
  </si>
  <si>
    <t>% residents who had a score of 4 or 5 out of 5</t>
  </si>
  <si>
    <t>This community is financially well-off
(Measured 'strongly disagree' (1) to 'strongly agree' (7))</t>
  </si>
  <si>
    <t>Local businesses in this town are doing pretty well at the moment
(Measured 'strongly disagree' (1) to 'strongly agree' (7))</t>
  </si>
  <si>
    <t xml:space="preserve">Respondents were asked to identify how much they agreed or disagreed, on a 7-point scale from  'strongly disagree' (1) to 'strongly agree' (7), with the following statements: (i) I am confident I can achieve the things I want in life, (ii) I am confident I can achieve the things I want in my work, and (iii) I have the skills and education I need to achieve what I want to in life. Responses to these statements were averaged to form a single measure of self-efficacy, scored from 1 (low self-efficacy) to 7 (high self-efficacy). 
</t>
  </si>
  <si>
    <t>The human capital available to communities was measured by asking survey participants how much they agreed with the following three statements, from 'strongly disagree' (1) to 'strongly agree' (7): (i) People around here are good at getting help and ideas from other communities; (ii) Whatever the problem, someone in this community takes the lead in sorting it out; and (iii) Local groups and organisations around here are good at getting things done.
Responses to these three statements were averaged to form a single measure of community leadership and collaboration, measured from 1 (low levels of leadership and collaboration) to 7 (high levels of leadership and collaboration).</t>
  </si>
  <si>
    <t xml:space="preserve"> Community leadership and collaboration
(average score, from a possible 1-7)</t>
  </si>
  <si>
    <t>Measured from 1 (low levels of community human capital in the form of leadership and collaboration) to 7 (high levels of leadership and collaboration)</t>
  </si>
  <si>
    <t>People around here are good at getting help and ideas from other communities
(Measured 'strongly disagree' (1) to 'strongly agree' (7))</t>
  </si>
  <si>
    <t>Whatever the problem, someone in this community takes the lead in sorting it out
(Measured 'strongly disagree' (1) to 'strongly agree' (7))</t>
  </si>
  <si>
    <t>The people who make decisions for my community represent the whole community, not just part of it 
(Measured 'strongly disagree' (1) to 'strongly agree' (7))</t>
  </si>
  <si>
    <t>Most people get a fair go around here
(Measured 'strongly disagree' (1) to 'strongly agree' (7))</t>
  </si>
  <si>
    <t xml:space="preserve">Equity and inclusion was measured by asking survey participants how much they agreed with the following two statements, from 'strongly disagree' (1) to 'strongly agree' (7): (i) Some groups in this community keep to themselves; (ii) Some groups who live in this community aren’t made to feel welcome; and the statement 'Conflict/disagreement between some people' from 'not a problem' (1) to 'very big problem' (7).
Responses to these statements were averaged to form a single measure of equity and inclusion by (i) reversing the scoring of each, so that low scores indicated poor equity and low inclusion, and high scores indicated high levels of equity and inclusion; and (ii) calculating the average score across the three variables. </t>
  </si>
  <si>
    <t>Equity and inclusion
(average score, from a possible 1-7)</t>
  </si>
  <si>
    <t>Measured from 1 (low levels of inclusion and equity) to 7 (high levels of inclusion and equity)</t>
  </si>
  <si>
    <t>Some groups in this community keep to themselves
(Measured 'strongly disagree' (1) to 'strongly agree' (7))</t>
  </si>
  <si>
    <t>Some groups who live in this community aren’t made to feel welcome
(Measured 'strongly disagree' (1) to 'strongly agree' (7))</t>
  </si>
  <si>
    <t>Informal social connectedness was measured by asking survey participants how often they did the following, on a scale measured from 'never' (1) to 'all the time' (7):
(i) I make time to keep in touch with my friends; (ii) I chat with my neighbours; and (iii) I spend time doing things with family members who don’t live with me.
The ‘friends and family’ measure was calculated as the average of these three items, from 1 (low levels of informal social connectedness) to 7 (high levels of informal social connectedness).</t>
  </si>
  <si>
    <t>I chat with my neighbours
'(Measured 'never' (1) to 'all the time' (7))</t>
  </si>
  <si>
    <t>The extent of a person’s involvement in local community activities was examined by asking survey participants how frequently they took part in the following types of activities, on a scale from 'never or almost never' (1) to 'all the time' (7): (i) I attend community events such as farmers markets, community festivals; (ii) I attend meetings/social events of local clubs/groups e.g. Lions, CWA; and (iii) I take part in sports groups or teams.
The ‘getting involved’ measure was calculated as the average of these items, from 1 (low levels of involvement) to 7 (high levels of involvement).</t>
  </si>
  <si>
    <t>I attend community events such as farmers markets, community festivals
'(Measured 'never or almost never' (1) to 'all the time' (7))</t>
  </si>
  <si>
    <t>A person’s sense of belonging was measured by asking survey participants how much they agreed with the following three statements, from 'strongly disagree' (1) to 'strongly agree' (7): (i) I feel welcome here; (ii) I feel part of my community; and (iii) I feel like an outsider here. 
The ‘belonging’ measure was calculated as the average score for these three variables, after the scoring for ‘I feel like an outsider here’ was reversed, from 1 (low sense of belonging) to 7 (high sense of belonging).</t>
  </si>
  <si>
    <t>Measured from 1 (low sense of belonging) to 7 (high sense of belonging)</t>
  </si>
  <si>
    <t>Sense of belonging measures</t>
  </si>
  <si>
    <t>I feel part of my community 
(Measured 'strongly disagree' (1) to 'strongly agree' (7))</t>
  </si>
  <si>
    <t>I feel like an outsider here 
(Measured 'strongly disagree' (1) to 'strongly agree' (7))</t>
  </si>
  <si>
    <t xml:space="preserve">Access to health, education  and child care </t>
  </si>
  <si>
    <t xml:space="preserve"> Access to health, education and child care
(average score, from a possible 1-7)</t>
  </si>
  <si>
    <t>Access to health, education and child care measures</t>
  </si>
  <si>
    <t>General health services e.g. GP, general health consultation services
(Measured 'very poor' (1) to 'very good' (7))</t>
  </si>
  <si>
    <t>Mental health services e.g. psychologist, psychiatrist
(Measured 'very poor' (1) to 'very good' (7))</t>
  </si>
  <si>
    <t>Specialist health services (other than mental health)
(Measured 'very poor' (1) to 'very good' (7))</t>
  </si>
  <si>
    <t>Quality of local schools
(Measured 'very poor' (1) to 'very good' (7))</t>
  </si>
  <si>
    <t>Access to childcare
(Measured 'very poor' (1) to 'very good' (7))</t>
  </si>
  <si>
    <t>Access to health, education, and child care was measured by asking respondents to rate their access to the following types of services in their local community, on a scale ranging from 'very poor' (1) to 'very good' (7): (i) General health services e.g. GP, general health consultation services; (ii) Mental health services e.g. psychologist, psychiatrist; (iii) Specialist health services (other than mental health); (iv) quality of local schools (v) access to child care.
A single measure of overall access to health, education, aged and child care was then constructed based on the average score of a person’s responses to these items, after excluding respondents who were unsure whether there was access to a given service.</t>
  </si>
  <si>
    <t>Access to roads and public transport</t>
  </si>
  <si>
    <t xml:space="preserve"> Access to roads and public transport
(average score, from a possible 1-7)</t>
  </si>
  <si>
    <t>Access to roads and public transport was measured by asking respondents to rate their access to the following types of services in their local community, on a scale ranging from 'very poor' (1) to 'very good' (7): (i) Quality of local roads; and (ii) Access to public transport (including taxis, buses, trains).
A single measure of overall access to roads and public transport was then constructed based on the average score of a person’s responses to these two items.</t>
  </si>
  <si>
    <t>Quality of local roads 
(Measured 'very poor' (1) to 'very good' (7))</t>
  </si>
  <si>
    <t>Access to public transport (including taxis, buses, trains)
(Measured 'very poor' (1) to 'very good' (7))</t>
  </si>
  <si>
    <t>Access to food</t>
  </si>
  <si>
    <t xml:space="preserve">Access to food </t>
  </si>
  <si>
    <t>Access to food 
(average score, from a possible 1-7)</t>
  </si>
  <si>
    <t>Availability of fresh fruit and vegetables
(Measured 'very poor' (1) to 'very good' (7))</t>
  </si>
  <si>
    <t>Telecommunications items are reported individually. Each was measured on a 7-point scale, from 'very poor' (1) to 'very good' (7), and included: 
(i) How good or poor are the following things in your local region at the moment - Mobile phone reception and (ii) access to high speed, reliable internet
Responses are reported at the proportional level of poor/neither/good access.</t>
  </si>
  <si>
    <t>Access to high speed, reliable internet
(Measured 'very poor' (1) to 'very good' (7))</t>
  </si>
  <si>
    <t>Access to financial and professional services</t>
  </si>
  <si>
    <t xml:space="preserve">Access to financial and professional services was measured by asking respondents to rate their access to the following types of services in their local community, on a scale ranging from 'very poor' (1) to 'very good' (7): (i) Banking and financial services; and (ii) Professional services e.g. accountants, lawyers.
A single measure of overall access to financial and professional services was then constructed by taking the average score of responses to these three items. </t>
  </si>
  <si>
    <t>Access to financial and professional services
(average score, from a possible 1-7)</t>
  </si>
  <si>
    <t>Access to financial and professional services measures</t>
  </si>
  <si>
    <t>Banking and financial services
(Measured 'very poor' (1) to 'very good' (7))</t>
  </si>
  <si>
    <t>Professional services e.g. accountants, lawyers
(Measured 'very poor' (1) to 'very good' (7))</t>
  </si>
  <si>
    <t>% poor</t>
  </si>
  <si>
    <t>% neither poor nor good</t>
  </si>
  <si>
    <t>% good</t>
  </si>
  <si>
    <t>The attractiveness of the landscape a person lived in was measured by asking respondents how much they agreed or disagreed with the following statements, measured on a scale of 'strongly disagree (1) to 'strongly agree' (7): (i) I like the environment and surrounds I live in; (ii) There are attractive buildings / homes in my community; and (iii) There are attractive natural places in my community e.g. parks, bushland. 
The ‘landscape and aesthetics’ scale was then constructed as the average score of responses to these three items.</t>
  </si>
  <si>
    <t>I like the environment and surrounds I live in
(Measured 'strongly disagree' (1) to 'strongly agree' (7))</t>
  </si>
  <si>
    <t>There are attractive buildings / homes in my community
(Measured 'strongly disagree' (1) to 'strongly agree' (7))</t>
  </si>
  <si>
    <t>There are attractive natural places in my community e.g. parks, bushland
(Measured 'strongly disagree' (1) to 'strongly agree' (7))</t>
  </si>
  <si>
    <t>Perceived environmental health was measured by asking survey participants the extent to which they felt any of the following were a problem in their local region, on a scale from 'not a problem (1) to 'big problem' (7): (i) Water quality problems other than salinity, in rivers, lake or waterways; (ii) Soil erosion; (iii) Poor soil health other than soil erosion e.g. soil compaction; (iv) Pest fish species e.g. carp; (v) Loss of vegetation (trees, shrubs); (vi) Declining numbers of some native animals or birds; (vii) Invasive weeds; (viii) Salinity (in soil or waterways); (ix) Environmental degradation in general; (x) Feral animals e.g. pigs, goats, wild dogs, rabbits; and (xi) Declining numbers of native fish.
The average score of these variables was calculated as a measure of perceived environmental health. Scores for each item were reversed before calculation of the scale, so that a score of 1 represented poor environmental health, and a score of 7 represented good environmental health.</t>
  </si>
  <si>
    <t>Water quality problems other than salinity, in rivers, lake or waterways
(Measured 'Not a problem' (1) to 'Big problem' (7))</t>
  </si>
  <si>
    <t>Soil erosion
(Measured 'Not a problem' (1) to 'Big problem' (7))</t>
  </si>
  <si>
    <t>Poor soil health other than soil erosion e.g. soil compaction
(Measured 'Not a problem' (1) to 'Big problem' (7))</t>
  </si>
  <si>
    <t>Pest fish species e.g. carp
(Measured 'Not a problem' (1) to 'Big problem' (7))</t>
  </si>
  <si>
    <t>Loss of vegetation (trees, shrubs)
(Measured 'Not a problem' (1) to 'Big problem' (7))</t>
  </si>
  <si>
    <t>Declining numbers of some native animals or birds
(Measured 'Not a problem' (1) to 'Big problem' (7))</t>
  </si>
  <si>
    <t>Invasive weeds
(Measured 'Not a problem' (1) to 'Big problem' (7))</t>
  </si>
  <si>
    <t>Salinity (in soil or waterways)
(Measured 'Not a problem' (1) to 'Big problem' (7))</t>
  </si>
  <si>
    <t>Environmental degradation in general
(Measured 'Not a problem' (1) to 'Big problem' (7))</t>
  </si>
  <si>
    <t>Feral animals e.g. pigs, goats, wild dogs, rabbits
(Measured 'Not a problem' (1) to 'Big problem' (7))</t>
  </si>
  <si>
    <t>Declining numbers of native fish
(Measured 'Not a problem' (1) to 'Big problem' (7))</t>
  </si>
  <si>
    <t>% Not a problem</t>
  </si>
  <si>
    <t>% Moderate problem</t>
  </si>
  <si>
    <t>Confidence interval for % Moderate problem</t>
  </si>
  <si>
    <t>%  Big problem</t>
  </si>
  <si>
    <t>Confidence interval for % Not a problem</t>
  </si>
  <si>
    <t>% residents who were very comfortable or prosperous</t>
  </si>
  <si>
    <t>% residents who indicated they were very comfortable (5) or prosperous (6)</t>
  </si>
  <si>
    <t xml:space="preserve">The Personal Wellbeing Index measures a person’s wellbeing on a score from 0-100. This score is calculated based on answers of respondents, to the question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prior to calculating the average score. </t>
  </si>
  <si>
    <t>% residents who reported a score below 6</t>
  </si>
  <si>
    <t>% residents who reported a score of 6 to 8</t>
  </si>
  <si>
    <t>% residents who reported a score of above 8</t>
  </si>
  <si>
    <t xml:space="preserve">The data in this spreadsheet were produced from the 2018 Regional Wellbeing Survey. Information about the survey is available at www.regionalwellbeing.org.au. </t>
  </si>
  <si>
    <t>The data presented in this spreadsheet are from a survey of adult residents of this region. All surveys have some bias in the responses they receive. The 2018 Regional Wellbeing Survey data have, except where otherwise noted, been weighted to ensure responses appropriately represent the true distribution of people in the community based on the following characteristics: (i) gender, (ii) age, (iii) whether the respondent was a farmer or non-farmer, and (iv) geographic region. This weighting was done using the GREGWT survey reweighting technique. While this weighting has addressed key sources of survey response bias, it is likely that some response bias remains. Confidence in the representativeness of data is highest when there are larger sample sizes. Where the number of people who answered a question is low - particularly where it is below 100 - data should be considered less reliable. The Regional Wellbeing Survey 'Wellbeing, Resilience and Liveability in Regional Australia' report, downloadable from the '2015 Regional Wellbeing Survey reports and results' section of our website, includes a more detailed discussion of reliability of the survey data, which should be referred to when interpreting the data in this spreadsheet.</t>
  </si>
  <si>
    <t>Likelihood of shifting to a new community</t>
  </si>
  <si>
    <t>Access to community events</t>
  </si>
  <si>
    <t>% residents who reported moderate access to community events</t>
  </si>
  <si>
    <t>% residents who reported good or very good access to community events</t>
  </si>
  <si>
    <t>Confidence interval for % who had good or very good access to community events</t>
  </si>
  <si>
    <t>Confidence interval for % who had moderate access to community events</t>
  </si>
  <si>
    <t>Confidence interval for % who had poor or very poor access to community events</t>
  </si>
  <si>
    <t>% residents who reported poor or very poor access to community events</t>
  </si>
  <si>
    <t>The extent to which rural and regional Australians felt they could have a say in their community, and that they would be heard if they did, was measured by asking survey participants how much they agreed with the following four statements, from 'strongly disagree' (1) to 'strongly agree' (7): (i) My local government is able to help our community face challenges; (ii) The people who make decisions for my community represent the whole community, not just part of it; (iii) I can get involved in local decision-making processes if I want to; and (iv) Most people get a fair go around here.
Responses to these statements were averaged to form a single measure, from 1 (low confidence in being able to have a say and being heard) to 7 (high confidence in being able to have a say and being heard).</t>
  </si>
  <si>
    <t>% residents who disagreed</t>
  </si>
  <si>
    <t>Confidence interval for % who disagreed</t>
  </si>
  <si>
    <t>% residents who neither agreed or disagreed</t>
  </si>
  <si>
    <t>Confidence interval for % who neither agreed or disagreed</t>
  </si>
  <si>
    <t>% residents who agreed</t>
  </si>
  <si>
    <t>Confidence interval for % who agreed</t>
  </si>
  <si>
    <t>I would recommend my community to others as a good place to live
(Measured 'strongly disagree' (1) to 'strongly agree' (7))</t>
  </si>
  <si>
    <t>Would recommend community as a good place to live</t>
  </si>
  <si>
    <t>This single item was measured on a 7-point scale, from 'strongly disagree' (1) to 'strongly agree' (7). Respondents were asked: I would recommend my community to others as a good place to live. 
Responses were reported as an average and at the proportional level of disagree/neither/agree.</t>
  </si>
  <si>
    <t>Had to delay or cancel non-essential purchases e.g. holiday, going to a restaurant or movie, buying clothes</t>
  </si>
  <si>
    <t>% residents who had to delay or cancel non-essential purchases</t>
  </si>
  <si>
    <t xml:space="preserve">% residents who selected this </t>
  </si>
  <si>
    <t>Confidence interval for delaying or cancelling non-essential purchases</t>
  </si>
  <si>
    <t>Could not pay bills on time</t>
  </si>
  <si>
    <t>Went without meals, or was unable to heat or cool home</t>
  </si>
  <si>
    <t>Asked for financial help from friends or family</t>
  </si>
  <si>
    <t>% residents who could not pay bills on time</t>
  </si>
  <si>
    <t>Confidence interval for not paying bills on time</t>
  </si>
  <si>
    <t>% residents who went without meals or were unable to heat or cool home</t>
  </si>
  <si>
    <t>Confidence interval for going without meals</t>
  </si>
  <si>
    <t>% residents who asked for financial help</t>
  </si>
  <si>
    <t>Confidence interval for asking for financial help</t>
  </si>
  <si>
    <t>Eudaimonic wellbeing domains</t>
  </si>
  <si>
    <t>Each individual item used to create the Eudaimonic Wellbeing Index is presented individually</t>
  </si>
  <si>
    <t xml:space="preserve">Emotional Affect Index </t>
  </si>
  <si>
    <t>Emotional Affect (average score, from a possible 0-10)</t>
  </si>
  <si>
    <t>Community wellbeing index</t>
  </si>
  <si>
    <t>Community wellbeing domains</t>
  </si>
  <si>
    <t>Community wellbeing (average score, from possible 1-7)</t>
  </si>
  <si>
    <t>Would recommend community</t>
  </si>
  <si>
    <t>Average score, from possible 1-7</t>
  </si>
  <si>
    <t>Community leadership and collaboration measures</t>
  </si>
  <si>
    <t>Each individual item used to create the community leadership and collaboration scale is presented individually</t>
  </si>
  <si>
    <t>Equity and inclusion measures</t>
  </si>
  <si>
    <t>Each individual item used to create the equity and inclusion scale is presented individually</t>
  </si>
  <si>
    <t>Each individual item used to create the sense of belonging scale is presented individually</t>
  </si>
  <si>
    <t>The single item for 'access to community events' is presented</t>
  </si>
  <si>
    <t>Access to health and education services measures</t>
  </si>
  <si>
    <t>Each individual item used to create the access to health and education scale is presented individually</t>
  </si>
  <si>
    <t>Access to roads and public transport measures</t>
  </si>
  <si>
    <t>Each individual item used to create the access to roads and public transport scale is presented individually</t>
  </si>
  <si>
    <t>Access to food measures</t>
  </si>
  <si>
    <t>Each individual item used to create the access to food scale is presented individually</t>
  </si>
  <si>
    <t>Access to financial and professional services (average score, from a possible 1-7)</t>
  </si>
  <si>
    <t>Eudaimonic wellbeing index</t>
  </si>
  <si>
    <t>Each individual item used to create the household financial wellbeing scale is presented individually</t>
  </si>
  <si>
    <t>Financial distress ('no financial distress' (0) to 'highest level of financial distress' (4))</t>
  </si>
  <si>
    <t>Each individual item used to create the community economic wellbeing scale is presented individually</t>
  </si>
  <si>
    <t>Each individual item used to create the self-efficacy scale is presented individually</t>
  </si>
  <si>
    <t>Each individual item used to create the having a say and being heard scale is presented individually</t>
  </si>
  <si>
    <t>Each individual item used to create the getting involved scale is presented individually</t>
  </si>
  <si>
    <t>Each individual item used to create the spending time with friends and family scale is presented individually</t>
  </si>
  <si>
    <t>Each individual item used to create the access to financial and professional services scale is presented individually</t>
  </si>
  <si>
    <t>Each individual item used to create the access to telecommunications scale is presented individually</t>
  </si>
  <si>
    <t>Each individual item used to create the crime and safety scale is presented individually</t>
  </si>
  <si>
    <t>Each individual item used to create the landscape and aesthetics scale is presented individually</t>
  </si>
  <si>
    <t>Each individual item used to create the perceived environmental health scale is presented individually</t>
  </si>
  <si>
    <t xml:space="preserve">The Eudaimonic Wellbeing Index measures a person’s eudaimonic wellbeing on a score from 0-100. This score is calculated based on answer of respondents, to the question 'thinking about your own life and personal circumstances, how do you feel about the following' and included:  (i) How meaningful does your life feel, (ii) How much do you feel your life has purpose, and (iii) To what extent do you feel the things you do in your life are worthwhile. Scores were measured for each item on a scale from 'not at all' (0) to 'very much so' (10), each of which was transformed to a scale of 0-100 prior to calculating the average score. </t>
  </si>
  <si>
    <t>The local landscape and surrounds in this community are….. 
(Measured 'getting worse' (1) to 'getting better' (7))</t>
  </si>
  <si>
    <t>Migration questions were measured using three 7-point scales. One measured the level of satisfaction from 'strongly disagree' (1) to 'strongly agree' (7), and included 'If I could, I would shift to live in another community'. 
One measured the extend of problems/challenges in their community at the moment on a scale from 'not a problem' (1)  to  'very big problem' (7) and included 'People shifting away from the area'.
One measured the likelihood of shifting from their current community on a scale from 'very unlikely' (1) to 'very likely' (5), and included 'how likely are you to shift to a new community in the next 12 months?'
Responses were reported as an average and at the proportional level of disagree/neither/agree, not a problem/low problem/moderate problem/problem, and unlikely/neither/likely.</t>
  </si>
  <si>
    <t>Confidence interval for %  $52,000-$124,999</t>
  </si>
  <si>
    <t>Confidence interval for %  $125,000+</t>
  </si>
  <si>
    <t xml:space="preserve">Regional and rural Australians were asked to rate the quality of access to (i) good local restaurants/cafes (ii) fresh fruit and vegetables (on a scale from 'very poor' (1) to 'very good' (7)), 
and the extent to which (iii) 'lack of affordable food/groceries at local shops' was a problem in their community on a scale from 'not a problem' (1) to 'very big problem' (7).
Responses are reported as an average and at the proportional level of poor/neither/good access.
</t>
  </si>
  <si>
    <t>Confidence interval for % Not Big problem</t>
  </si>
  <si>
    <t>Queensland</t>
  </si>
  <si>
    <t>Regional Queensland</t>
  </si>
  <si>
    <t>Darling Downs and South West (RDA)</t>
  </si>
  <si>
    <t>Balonne, Maranoa &amp; Western Downs (LGAs)</t>
  </si>
  <si>
    <t>Goondiwindi &amp; Southern Downs (LGAs)</t>
  </si>
  <si>
    <t>Toowoomba (LGA)</t>
  </si>
  <si>
    <t>Far North Queensland and Torres Strait (RDA)</t>
  </si>
  <si>
    <t>Fitzroy and Central West (RDA)</t>
  </si>
  <si>
    <t>Mackay-Isaac-Whitsunday &amp; Townsville and North West (RDAs)</t>
  </si>
  <si>
    <t>Sunshine Coast (RDA)</t>
  </si>
  <si>
    <t>Noosa (LGA)</t>
  </si>
  <si>
    <t>Wide Bay Burnett (RDA)</t>
  </si>
  <si>
    <t>Brisbane City (RDA)</t>
  </si>
  <si>
    <t>Townsville (LGA)</t>
  </si>
  <si>
    <t>Gold Coast (RDA)</t>
  </si>
  <si>
    <t>Ipswich and West Moreton (RDA)</t>
  </si>
  <si>
    <t>Logan and Redlands (RDA)</t>
  </si>
  <si>
    <t>Moreton Bay (RDA)</t>
  </si>
  <si>
    <t>Sunshine Coast (LGA)</t>
  </si>
  <si>
    <t>About the region: Queensland</t>
  </si>
  <si>
    <t xml:space="preserve">The Far North Queensland and Torres Strait region is a Regional Development Australia region located in the north of Queensland. The region includes the local government areas (LGAs) of Aurukun, Cairns, Cassowary Coast, Cook, Croydon, Douglas, Etheridge, Hope Vale, Kowanyama, Lockhart River, Mapoon, Mareeba, Napranum, Northern Peninsula Area, Pormpuraaw, Tablelands, Torres, Torres Strait Island, Weipa Town, Wujal Wujal and Yarrabah. In total, 115 people who live in this region took part in the 2018 Regional Wellbeing Survey. </t>
  </si>
  <si>
    <t xml:space="preserve">The Fitzroy and Central West region is a Regional Development Australia region located in central Queensland. The region includes the local government areas (LGAs) of Banana, Barcaldine, Barcoo, Blackall-Tambo, Central Highlands, Diamantina, Gladstone, Livingstone, Longreach, Rockhampton, Winton and Woorabinda. In total, 114 people who live in this region took part in the 2018 Regional Wellbeing Survey. </t>
  </si>
  <si>
    <t xml:space="preserve">The Gold Coast region is a Regional Development Australia region located in the south east of Queensland. The region includes the local government area (LGA) of Gold Coast. In total, 124 people who live in this region took part in the 2018 Regional Wellbeing Survey. </t>
  </si>
  <si>
    <t xml:space="preserve">The Moreton Bay region is a Regional Development Australia region located in the south east of Queensland. The region includes the local government area (LGA) of Moreton Bay. In total, 124 people who live in this region took part in the 2018 Regional Wellbeing Survey. </t>
  </si>
  <si>
    <t>Noosa is an LGA located in the south east of Queensland. In total, 49 people who live in this LGA took part in the 2018 Regional Wellbeing Survey.</t>
  </si>
  <si>
    <t xml:space="preserve">The Wide Bay Burnett region is a Regional Development Australia region located in the south east of Queensland. The region includes the local government areas (LGAs) of Bundaberg, Cherbour, Fraser Coast, Gympie, North Burnett and South Burnett. In total, 192 people who live in this region took part in the 2018 Regional Wellbeing Survey. </t>
  </si>
  <si>
    <t xml:space="preserve">Australia includes all of Australia, including all of the major cities. In total, 14,139 people from Australia took part in the 2018 Regional Wellbeing Survey, although not all these people answered every question on the survey. </t>
  </si>
  <si>
    <t xml:space="preserve">Regional Australia includes all of Australia except the cities of Sydney, Melbourne, Adelaide, Brisbane, Perth and Canberra. In total, 10,280 people from regional Australia took part in the 2018 Regional Wellbeing Survey, although not all these people answered every question on the survey. </t>
  </si>
  <si>
    <t xml:space="preserve">Brisbane City is a Regional Development Australia region located in the south east Queensland. The region includes the metrapolitan area of Brisbane and surrounding suburban areas. In total, 365 people who live in this region took part in the 2018 Regional Wellbeing Survey. </t>
  </si>
  <si>
    <t xml:space="preserve">The Darling Downs and South West region is a Regional Development Australia region located in the south Queensland. The region includes the local government areas (LGAs) of Balonne, Bulloo, Goondiwindi, Maranoa, Murweh, Paroo, Quilpie, Southern Downs, Toowoomba and Western Downs. In total, 397 people who live in this region took part in the 2018 Regional Wellbeing Survey. </t>
  </si>
  <si>
    <t xml:space="preserve">Balonne, Maranoa &amp; Western Downs are LGAs located in the south east of Queensland. In total, 88 people who live in these LGAs took part in the 2018 Regional Wellbeing Survey. </t>
  </si>
  <si>
    <t xml:space="preserve">Goondiwindi &amp; Southern Downs are LGAs located in the south east of Queensland. In total, 90 people who live in these LGAs took part in the 2018 Regional Wellbeing Survey. </t>
  </si>
  <si>
    <t>Toowoomba is an LGA located in the south east of Queensland. In total, 100 people who live in this LGA took part in the 2018 Regional Wellbeing Survey.</t>
  </si>
  <si>
    <t xml:space="preserve">The Ipswich and West Moreton region is a Regional Development Australia region located in the south east of Queensland. The region includes the local government areas (LGAs) of Ipswich, Lockyer Valley, Scenic Rim and Somerset. In total, 103 people who live in this region took part in the 2018 Regional Wellbeing Survey. </t>
  </si>
  <si>
    <t xml:space="preserve">The Logan and Redlands region is a Regional Development Australia region located in the south east of Queensland. The region includes the local government areas (LGAs) of Logan and Redland. In total, 133 people who live in this region took part in the 2018 Regional Wellbeing Survey. </t>
  </si>
  <si>
    <t xml:space="preserve">The Mackay-Isaac-Whitsunday &amp; Townsville and North West regions are Regional Development Australia regions located in the east of Queensland. The regions include the local government areas (LGAs) of Boulia, Burdekin, Burke, Carpentaria, Charters Towers, Cloncurry, Flinders, Hinchinbrook, Isaac, Mackay, McKinlay, Mount Isa, Palm Island, Richmond, Townsville and Whitsunday. In total, 173 people who live in this region took part in the 2018 Regional Wellbeing Survey. </t>
  </si>
  <si>
    <t>Townsville is an LGA located in the east of Queensland. In total, 72 people who live in this LGA took part in the 2018 Regional Wellbeing Survey.</t>
  </si>
  <si>
    <t xml:space="preserve">The Sunshine Coast region is a Regional Development Australia region located in the south east of Queensland. The region includes the local government areas (LGAs) of Noosa and Sunshine Coast. In total, 169 people who live in this region took part in the 2018 Regional Wellbeing Survey. </t>
  </si>
  <si>
    <t>Sunshine Coast is an LGA located in the south east of Queensland. In total, 120 people who live in this LGA took part in the 2018 Regional Wellbeing Survey.</t>
  </si>
  <si>
    <t>% residents who rated access as a problem</t>
  </si>
  <si>
    <t>Measured using a reversed scale from 1 (very big problem) to 7 (not a problem)</t>
  </si>
  <si>
    <t>Measured using a reversed scale from 1 (strongly agree) to 7 (strongly disagree)</t>
  </si>
  <si>
    <t xml:space="preserve">Confidence interval for % who  disagree </t>
  </si>
  <si>
    <t>Lack of affordable food/groceries at local shops
(Measured 'not a problem' (1) to 'very big problem' (7))</t>
  </si>
  <si>
    <t xml:space="preserve">Each item used to create the Personal Wellbeing Index is presented individually. 
The personal wellbeing domain questions ask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t>
  </si>
  <si>
    <t xml:space="preserve">Each item used to create the Eudaimonic Wellbeing Index is presented individually. 
The eudaimonic wellbeing domain questions ask ' Thinking about your own life and personal circumstances, how do you feel about the following' and included;  
(i) How meaningful does you life feel, (ii) How much do you feel your life has purpose, (iii) To what extent do you feel the things you do in your life are worthwhile. 
Scores were measured for each item on a scale from 'not at all' (0) to 'very much so' (10), each of which was transformed to a scale of 0-100 prior to calculating the average score. </t>
  </si>
  <si>
    <t>The Wellbeing - Emotional Affect Index was calculated based on answers of respondents to three question in which they were asked  (i) Yesterday, did you feel happy; (ii) Yesterday, did you feel worried; and (iii) Yesterday, did you feel depressed. 
Responses are measured using a scale from 'not at all' (0) to 'all of the time' (10). Responses to two of the three statements (depressed and worried) were reversed to align with the scale from 0 (low emotional affect) to 10 (high emotional affect). 
The three variables were added up and averaged to produce the index for wellbeing - emotional affect.</t>
  </si>
  <si>
    <t>Each item used to create the Wellbeing - Emotional Affect Index is presented individually. 
The wellbeing - emotional affect questions were measured on a 10-point scale, from 'not at all' (0) to 'all of the time' (10), and included: 
 (i) 'Yesterday, did you feel happy?'; (ii) 'Yesterday, did you feel worried?'; and (iii) 'Yesterday, did you feel depressed?'.
Responses are reported at the proportional level of not at all/sometimes/all of the time.</t>
  </si>
  <si>
    <t>Measured from 1 (low levels of community wellbeing) to 7 (high levels of community wellbeing)</t>
  </si>
  <si>
    <t xml:space="preserve">Each item used to create the Community Wellbeing Index is presented individually. 
The community wellbeing questions were measured on a 7-point scale, from 'strongly disagree' (1) to 'strongly agree' (7), and included: 
(i) My community is a great place to live, (ii) This community copes pretty well when faced with challenges, (iii) I feel proud to live in this community, 
(iv) This community has a bright future, and (v) There's good community spirit around here. </t>
  </si>
  <si>
    <t xml:space="preserve">Household financial wellbeing was measured based on: 
(i) Household income: Survey participants were asked to select their household income bracket from the following options - Nil or negative income; $1-10,399; $10,400-20,799; $20,800-31,199; $31,200-41,599; $41,600-51,999; $52,000-62,399; $$62,400-77,999; $78,000-103,999; $104,000-124,999; $125,000-155,999; $156,000-207,999; $208,000-259,999; $260,000 plus. These categories were used as they align with data from the Australian Bureau of Statistics Census of Population and Housing.
(ii) Self-rated financial wellbeing - Respondents were asked ‘given your current needs and financial responsibilities, would you say that you and your family are…and asked to select one of the following options: 'prosperous; very comfortable; reasonably comfortable; just getting along; poor; or very poor'. 
These two measures were arithmetically adjusted so that each was measured from 1 (lowest level of financial wellbeing) to 7 (highest level of financial wellbeing). A single measure of household financial wellbeing was then calculated as the average score of the two measures. </t>
  </si>
  <si>
    <t xml:space="preserve">Each item used to create the 'household financial wellbeing' measure is presented individually. 
Household income was grouped into three categories: $0-$51,999; $52,000-$124,999; and $125,000+. 
Self-rated financial wellbeing was grouped into four categories: Poor or very poor; Just getting along; Reasonably comfortable; and very comfortable or prosperous. </t>
  </si>
  <si>
    <r>
      <rPr>
        <sz val="12"/>
        <rFont val="Calibri"/>
        <family val="2"/>
        <scheme val="minor"/>
      </rPr>
      <t>The financial distress measure was calculated based on the response to the question ‘In the last year, did any of the following happen to you because you didn’t have enough money?’:  
(i) Had to delay or cancel non-essential purchases e.g. holiday, going to a restaurant or movie, buying clothes; (ii) Could not pay bills on time e.g. electricity, rent, gas; 
(iii) Went without meals, or was unable to heat or cool home; (iv) Asked for financial help from friends or family; (v) None of these. 
Financial distress is presented at the proportional level of no or very low financial distress (selected none of these), low-moderate financial distress (selected 1 item), and high financial distress (selected 2, 3, or 4 items).</t>
    </r>
    <r>
      <rPr>
        <sz val="12"/>
        <color rgb="FFFF0000"/>
        <rFont val="Calibri"/>
        <family val="2"/>
        <scheme val="minor"/>
      </rPr>
      <t xml:space="preserve">
</t>
    </r>
    <r>
      <rPr>
        <sz val="12"/>
        <rFont val="Calibri"/>
        <family val="2"/>
        <scheme val="minor"/>
      </rPr>
      <t xml:space="preserve">Responses to each individual financial stressor is also presented. </t>
    </r>
  </si>
  <si>
    <t>Each item used to create the 'community economic wellbeing' scale is presented individually. 
The community economic wellbeing questions were measured on a 7-point scale, from 'strongly disagree' (1) to 'strongly agree' (7), and included: 
(i) Living costs are affordable here e.g. food, petrol, housing and (ii) There are plenty of jobs available around here at the moment.
Responses were reported at the proportional level of disagree/neither/agree.</t>
  </si>
  <si>
    <t xml:space="preserve">Average score (mean)   </t>
  </si>
  <si>
    <t xml:space="preserve">Average score (mean), excluding don't know responses   </t>
  </si>
  <si>
    <t>Each item used to create the 'spending time with friends and family' scale is presented individually. 
The questions were measured on a 7-point scale, from 'never' (1) to 'all the time' (7), and included: 
(i) I make time to keep in touch with my friends; (ii) I chat with my neighbours; and (iii) I spend time doing things with family members who don’t live with me.</t>
  </si>
  <si>
    <t>Each item used to create the 'getting involved' scale is presented individually. The questions were measured on a 7-point scale, from 'never or almost never' (1) to 'all the time' (7), and included: 
(i) I attend community events such as farmers markets, community festivals; (ii) I attend meetings/social events of local clubs/groups e.g. Lions, CWA; and (iii) I take part in sports groups or teams.</t>
  </si>
  <si>
    <t>Each item used to create the 'sense of belonging' scale is presented individually. 
The questions were measured on a 7-point scale, from 'strongly disagree' (1) to 'strongly agree' (7), and included: 
 (i) I feel welcome here; (ii) I feel part of my community; and (iii) I feel like an outsider here</t>
  </si>
  <si>
    <t>Each item used to create the 'access to roads and public transport' scale is presented individually. 
The questions were measured on a 7-point scale, from 'very poor' (1) to 'very good' (7), and included: 
(i) Quality of local roads; and (ii) Access to public transport (including taxis, buses, trains).</t>
  </si>
  <si>
    <t>Each item used to create the 'access to financial and professional services' scale is presented individually. 
The questions were measured on a 7-point scale, from 'very poor' (1) to 'very good' (7), and included: 
(i) Banking and financial services; and (ii) Professional services e.g. accountants, lawyers.</t>
  </si>
  <si>
    <t>Each item used to create the 'equity and inclusion' scale is presented individually. 
Two items were measured on a 7-point scale, from 'strongly disagree' (1) to 'strongly agree' (7), and included: (i) Some groups in this community keep to themselves; and (ii) Some individuals get left out in this community. 
The third itm 'Conflict/disagreement between some people' was measured from 'not a problem' (1) to 'very big problem' (7).
The mean scores were reversed to represent 'low equity and inclusion' (1) to 'high equity and inclusion' (7)</t>
  </si>
  <si>
    <t>Each item used to create the 'having a say and being heard' scale is presented individually. 
The questions were measured on a 7-point scale, from 'strongly disagree' (1) to 'strongly agree' (7), and included: 
(i) My local government is able to help our community face challenges; (ii) The people who make decisions for my community represent the whole community, not just part of it; 
(iii) I can get involved in local decision-making processes if I want to; and (iv) Most people around here get a fair go.</t>
  </si>
  <si>
    <t>The extent to which rural and regional Australians felt they are able to contribute towards local governance was measured by asking survey participants how much they agreed with the following statement 
'I actively contribute to discussion and decision making in my local region, e.g. local government, school, councils, or business groups', using a scale from 'strongly disagree' (1) to 'strongly agree' (7).
Responses were reported as an average and at the proportional level of disagree/neither/agree.</t>
  </si>
  <si>
    <t>The extent to which rural and regional Australians felt they are able to access local community events was measured by asking survey participants the question 
'How good or poor are the following things in your local region at the moment - Community events e.g. festivals'. This was measured on a 7-point scale, 
from 'very poor' (1) to 'very good' (7). Responses were reported as an average and at the proportional level of poor/moderate/good.</t>
  </si>
  <si>
    <t>Each item used to create the 'crime and safety' scale is presented individually.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Responses are reported at the proportional level of poor/neither/good access and not a problem/neither/problem.</t>
  </si>
  <si>
    <t xml:space="preserve">Each item used to create the 'landscape and aesthetics' scale is presented individually. 
The questions were measured on a 7-point scale, from 'strongly disagree (1) to 'strongly agree' (7), and included: 
(i) I like the environment and surrounds I live in; (ii) There are attractive buildings / homes in my community; and 
(iii) There are attractive natural places in my community e.g. parks, bushland. </t>
  </si>
  <si>
    <t xml:space="preserve">Access to food was measured by asking respondents to rate the quality of access to (i) good local restaurants/cafes (ii) fresh fruit and vegetables (on a scale from 'very poor' (1) to 'very good' (7)), and the extent to which (iii) 'lack of affordable food/groceries at local shops' was a problem in their community on a scale from 'not a problem' (1) to 'very big problem' (7).
Responses to these statements were averaged to form a single measure of access to food by (i) reversing the scoring of ‘lack of affordable food/groceries at local shops’, so that low scores indicated poor access to affordable food, and high scores indicated good access to affordable food; and (ii) calculating the average score across the three variables. </t>
  </si>
  <si>
    <t xml:space="preserve">Each item used to create the 'perceived environmental health' scale is presented individually. 
The questions were measured on a 7-point scale, from 'not a problem (1) to 'big problem' (7), and included: 
(i) Water quality problems other than salinity, in rivers, lake or waterways; (ii) Soil erosion; (iii) Poor soil health other than soil erosion e.g. soil compaction; (iv) Pest fish species e.g. carp; 
(v) Loss of vegetation (trees, shrubs); (vi) Declining numbers of some native animals or birds; (vii) Invasive weeds; (viii) Salinity (in soil or waterways); (ix) Environmental degradation in general; 
(x) Feral animals e.g. pigs, goats, wild dogs, rabbits; and (xi) Declining numbers of native fish.
</t>
  </si>
  <si>
    <t>Each item used to create the 'community leadership and collaboration' scale is presented individually. 
The questions were measured on a 7-point scale, from 'strongly disagree' (1) to 'strongly agree' (7), and included: 
 (i) People around here are good at getting help and ideas from other communities; (ii) Whatever the problem, someone in this community takes the lead in sorting it out; 
and (iii) Local groups and organisations around here are good at getting things done.</t>
  </si>
  <si>
    <t>Each item used to create the 'self-efficacy' scale is presented individually. The self-efficacy questions were measured on a 7-point scale, from 'strongly disagree' (1) to 'strongly agree' (7), and included: 
 (i) I am confident I can achieve the things I want in life; (ii) I am confident I can achieve the things I want in my work; and 
(iii) I have the skills and education I need to achieve what I want to in life. Responses are reported at the proportional level of disagree/neither/agree.</t>
  </si>
  <si>
    <t>Each item used to create the 'access to health, education and child care' scale is presented individually. 
The questions were measured on a 7-point scale, from 'very poor' (1) to 'very good' (7), and included: 
(i) General health services e.g. GP, general health consultation services; (ii) Mental health services e.g. psychologist, psychiatrist; 
(iii) Specialist health services (other than mental health); (iv) quality of local schools (v) access to child care.</t>
  </si>
  <si>
    <t xml:space="preserve">Crime and safety was measured by asking respondents five questions about safety, crime, alcohol and drug abuse and domestic violence.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The ‘crime and safety’ scale was then calculated by taking the average score of these items. Scores were reversed where appropriate so that for the scale as a whole score of 1 indicated low levels of safety, and a score of 7 high levels of safety.
</t>
  </si>
  <si>
    <t>Changes in community liveability was measured by asking respondents four questions on their views about how the community they live in is changing: 
(i) the liveability of this community is….(ii) the friendliness of this community is….(iii) the local economy is…. and (iv) the local landscape and surrounds in this community are....
Each was measured on a 7-point scale from 'getting worse' (1) to 'getting better' (7). 
Responses were reported as an average and at the proportional level of getting worse/neither/getting better.</t>
  </si>
  <si>
    <t xml:space="preserve">The economic wellbeing of communities was measured by asking survey participants how much they agreed with the following four statements, from  'strongly disagree' (1) to 'strongly agree' (7): (i) Living costs are affordable here e.g. food, petrol, housing; (ii) This community is financially well-off; (iii) There are plenty of jobs available around here at the moment; and (iv) Local businesses in this town are doing pretty well at the moment.
Responses to these four statements were averaged to form a single measure of community economic wellbeing, measured from 1 (low levels of community economic wellbeing) to 7 (high levels of community economic wellbeing). </t>
  </si>
  <si>
    <t>Regional and rural Australians were asked to rate their quality of access to 'Local government services' in their local region on a 7-point scale, from 'very poor' (1) to 'very good' (7). 
Responses are reported as an average and at the proportional level of poor/neither/good access.</t>
  </si>
  <si>
    <t xml:space="preserve">Access to telecommunications was measured by asking respondents their access to the following services using a scale from 'very poor' (1) to 'very good' (7): (i) Mobile phone reception and (ii) access to high speed, reliable internet. Scores of 1 indicated low quality access and a score of 7 high quality access to telecommunications.
</t>
  </si>
  <si>
    <t>This file provides data from the 2018 Regional Wellbeing Survey for Queensland (QLD). The number of responses to each question vary, because some questions were not asked of all survey participants; and not all respondents answered every question presented to them on the survey. Data reported in these tables have been weighted to correct for different intensity of sampling in different regions, unless stated otherwise. Data are reported for (i) Australia; (ii) regional Australia; (iii) urban Australia; (iv) QLD; (v) regional QLD; and (vi) the Regional Development Australia (RDA) regions of Brisbane City, Darling Downs and South West, Far North Queensland and Torres Strait, Fitzroy and Central West, Mackay-Isaac-Whitsunday &amp; Townsville and North West, Gold Coast, Ipswich and West Moreton, Logan and Redlands, Moreton Bay, Sunshine Coast and Wide Bay Burnett.</t>
  </si>
  <si>
    <t xml:space="preserve">Urban Australia includes the cities and surrounding suburban areas of Sydney, Melbourne, Adelaide, Brisbane, Perth and Canberra. In total, 3,859 people from these cities took part in the 2018 Regional Wellbeing Survey, although not all these people answered every question on the survey. </t>
  </si>
  <si>
    <t xml:space="preserve">Queensland includes all of Queensland including the large metropolitan areas of Brisbane and surrounding suburban areas. In total, 1,909 people from Queensland took part in the 2018 Regional Wellbeing Survey, although not all these people answered every question on the survey.  </t>
  </si>
  <si>
    <t>Regional Queensland includes all of Queensland except the large metropolitan areas of Brisbane and surrounding suburban areas. In total, 1,548 people who live in regional Queensland took part in the 2018 Regional Wellbeing Survey, although not all these people answered every question on the survey. A total of 361 people living in urban areas are excluded when reporting for regional Queensland in these data tables.</t>
  </si>
  <si>
    <t xml:space="preserve">You may reproduce the data in this spreadsheet for any purpose, providing you acknowledge the data source. Data should be cited as being sourced from the 2018 Regional Wellbeing Survey, Queensland data tables, Version 1.02 January 2020.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64" formatCode="###0.0%"/>
    <numFmt numFmtId="165" formatCode="###0"/>
    <numFmt numFmtId="166" formatCode="####.0%"/>
    <numFmt numFmtId="167" formatCode="0.0%"/>
    <numFmt numFmtId="168" formatCode="0.0"/>
  </numFmts>
  <fonts count="34">
    <font>
      <sz val="11"/>
      <color theme="1"/>
      <name val="Calibri"/>
      <family val="2"/>
      <scheme val="minor"/>
    </font>
    <font>
      <sz val="10"/>
      <name val="Arial"/>
      <family val="2"/>
    </font>
    <font>
      <sz val="10"/>
      <name val="Arial"/>
      <family val="2"/>
    </font>
    <font>
      <u/>
      <sz val="11"/>
      <color theme="10"/>
      <name val="Calibri"/>
      <family val="2"/>
      <scheme val="minor"/>
    </font>
    <font>
      <b/>
      <sz val="11"/>
      <color theme="1"/>
      <name val="Calibri"/>
      <family val="2"/>
      <scheme val="minor"/>
    </font>
    <font>
      <sz val="11"/>
      <color rgb="FFFF0000"/>
      <name val="Calibri"/>
      <family val="2"/>
      <scheme val="minor"/>
    </font>
    <font>
      <sz val="19.25"/>
      <color rgb="FF000000"/>
      <name val="DINNextW01-CondensedReg"/>
    </font>
    <font>
      <sz val="18"/>
      <color theme="1"/>
      <name val="Calibri"/>
      <family val="2"/>
      <scheme val="minor"/>
    </font>
    <font>
      <b/>
      <sz val="16"/>
      <color theme="1"/>
      <name val="Calibri"/>
      <family val="2"/>
      <scheme val="minor"/>
    </font>
    <font>
      <sz val="14"/>
      <color theme="1"/>
      <name val="Calibri"/>
      <family val="2"/>
      <scheme val="minor"/>
    </font>
    <font>
      <sz val="16"/>
      <color theme="1"/>
      <name val="Calibri"/>
      <family val="2"/>
      <scheme val="minor"/>
    </font>
    <font>
      <b/>
      <sz val="24"/>
      <color theme="1"/>
      <name val="Calibri"/>
      <family val="2"/>
      <scheme val="minor"/>
    </font>
    <font>
      <b/>
      <sz val="22"/>
      <color theme="1"/>
      <name val="Calibri"/>
      <family val="2"/>
      <scheme val="minor"/>
    </font>
    <font>
      <b/>
      <sz val="14"/>
      <color theme="1"/>
      <name val="Calibri"/>
      <family val="2"/>
      <scheme val="minor"/>
    </font>
    <font>
      <b/>
      <sz val="14"/>
      <name val="Calibri"/>
      <family val="2"/>
      <scheme val="minor"/>
    </font>
    <font>
      <sz val="12"/>
      <name val="Calibri"/>
      <family val="2"/>
      <scheme val="minor"/>
    </font>
    <font>
      <sz val="12"/>
      <color theme="0"/>
      <name val="Calibri"/>
      <family val="2"/>
      <scheme val="minor"/>
    </font>
    <font>
      <b/>
      <sz val="10"/>
      <name val="Calibri"/>
      <family val="2"/>
      <scheme val="minor"/>
    </font>
    <font>
      <b/>
      <sz val="9"/>
      <name val="Calibri"/>
      <family val="2"/>
      <scheme val="minor"/>
    </font>
    <font>
      <b/>
      <i/>
      <sz val="9"/>
      <color theme="0" tint="-0.499984740745262"/>
      <name val="Calibri"/>
      <family val="2"/>
      <scheme val="minor"/>
    </font>
    <font>
      <sz val="10"/>
      <name val="Calibri"/>
      <family val="2"/>
      <scheme val="minor"/>
    </font>
    <font>
      <sz val="9"/>
      <name val="Calibri"/>
      <family val="2"/>
      <scheme val="minor"/>
    </font>
    <font>
      <i/>
      <sz val="9"/>
      <color theme="0" tint="-0.499984740745262"/>
      <name val="Calibri"/>
      <family val="2"/>
      <scheme val="minor"/>
    </font>
    <font>
      <sz val="10"/>
      <color theme="1"/>
      <name val="Calibri"/>
      <family val="2"/>
      <scheme val="minor"/>
    </font>
    <font>
      <sz val="10"/>
      <color indexed="8"/>
      <name val="Calibri"/>
      <family val="2"/>
      <scheme val="minor"/>
    </font>
    <font>
      <sz val="10"/>
      <color theme="0"/>
      <name val="Calibri"/>
      <family val="2"/>
      <scheme val="minor"/>
    </font>
    <font>
      <b/>
      <sz val="11"/>
      <name val="Calibri"/>
      <family val="2"/>
      <scheme val="minor"/>
    </font>
    <font>
      <sz val="11"/>
      <name val="Calibri"/>
      <family val="2"/>
      <scheme val="minor"/>
    </font>
    <font>
      <b/>
      <sz val="11"/>
      <color rgb="FFFF0000"/>
      <name val="Calibri"/>
      <family val="2"/>
      <scheme val="minor"/>
    </font>
    <font>
      <b/>
      <sz val="18"/>
      <color rgb="FFFF0000"/>
      <name val="Calibri"/>
      <family val="2"/>
      <scheme val="minor"/>
    </font>
    <font>
      <sz val="12"/>
      <color rgb="FFFF0000"/>
      <name val="Calibri"/>
      <family val="2"/>
      <scheme val="minor"/>
    </font>
    <font>
      <sz val="11"/>
      <name val="Calibri"/>
      <family val="2"/>
    </font>
    <font>
      <u/>
      <sz val="11"/>
      <color theme="7" tint="-0.249977111117893"/>
      <name val="Calibri"/>
      <family val="2"/>
      <scheme val="minor"/>
    </font>
    <font>
      <b/>
      <sz val="16"/>
      <name val="Calibri"/>
      <family val="2"/>
      <scheme val="minor"/>
    </font>
  </fonts>
  <fills count="8">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s>
  <borders count="12">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s>
  <cellStyleXfs count="39">
    <xf numFmtId="0" fontId="0" fillId="0" borderId="0"/>
    <xf numFmtId="0" fontId="3" fillId="0" borderId="0" applyNumberFormat="0" applyFill="0" applyBorder="0" applyAlignment="0" applyProtection="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2"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31" fillId="0" borderId="0"/>
  </cellStyleXfs>
  <cellXfs count="428">
    <xf numFmtId="0" fontId="0" fillId="0" borderId="0" xfId="0"/>
    <xf numFmtId="0" fontId="0" fillId="0" borderId="0" xfId="0" applyFont="1"/>
    <xf numFmtId="0" fontId="0" fillId="2" borderId="0" xfId="0" applyFill="1"/>
    <xf numFmtId="0" fontId="3" fillId="2" borderId="0" xfId="1" applyFill="1" applyAlignment="1"/>
    <xf numFmtId="0" fontId="6" fillId="0" borderId="0" xfId="0" applyFont="1" applyAlignment="1">
      <alignment vertical="center"/>
    </xf>
    <xf numFmtId="0" fontId="0" fillId="0" borderId="0" xfId="0" applyFont="1"/>
    <xf numFmtId="0" fontId="0" fillId="2" borderId="0" xfId="0" applyFill="1" applyAlignment="1">
      <alignment horizontal="left"/>
    </xf>
    <xf numFmtId="0" fontId="7" fillId="2" borderId="0" xfId="0" applyFont="1" applyFill="1" applyAlignment="1"/>
    <xf numFmtId="0" fontId="8" fillId="2" borderId="0" xfId="0" applyFont="1" applyFill="1" applyAlignment="1">
      <alignment horizontal="left"/>
    </xf>
    <xf numFmtId="0" fontId="0" fillId="2" borderId="0" xfId="0" applyFill="1" applyAlignment="1">
      <alignment horizontal="center"/>
    </xf>
    <xf numFmtId="0" fontId="4" fillId="2" borderId="0" xfId="0" applyFont="1" applyFill="1" applyAlignment="1">
      <alignment horizontal="left"/>
    </xf>
    <xf numFmtId="0" fontId="4" fillId="2" borderId="0" xfId="0" applyFont="1" applyFill="1"/>
    <xf numFmtId="0" fontId="0" fillId="2" borderId="0" xfId="0" applyFill="1" applyAlignment="1">
      <alignment horizontal="left"/>
    </xf>
    <xf numFmtId="0" fontId="0" fillId="2" borderId="0" xfId="0" applyFill="1" applyAlignment="1">
      <alignment horizontal="left" wrapText="1"/>
    </xf>
    <xf numFmtId="1" fontId="0" fillId="2" borderId="0" xfId="0" applyNumberFormat="1" applyFill="1" applyAlignment="1">
      <alignment horizontal="left"/>
    </xf>
    <xf numFmtId="0" fontId="9" fillId="2" borderId="0" xfId="0" applyFont="1" applyFill="1"/>
    <xf numFmtId="0" fontId="0" fillId="2" borderId="0" xfId="0" applyFill="1"/>
    <xf numFmtId="0" fontId="0" fillId="2" borderId="0" xfId="0" applyFill="1"/>
    <xf numFmtId="0" fontId="5" fillId="2" borderId="0" xfId="0" applyFont="1" applyFill="1"/>
    <xf numFmtId="0" fontId="8" fillId="2" borderId="0" xfId="0" applyFont="1" applyFill="1" applyAlignment="1">
      <alignment horizontal="center"/>
    </xf>
    <xf numFmtId="0" fontId="0" fillId="2" borderId="0" xfId="0" applyFill="1"/>
    <xf numFmtId="1" fontId="0" fillId="3" borderId="0" xfId="0" applyNumberFormat="1" applyFill="1" applyAlignment="1">
      <alignment horizontal="left"/>
    </xf>
    <xf numFmtId="0" fontId="0" fillId="3" borderId="0" xfId="0" applyFill="1" applyAlignment="1">
      <alignment horizontal="left"/>
    </xf>
    <xf numFmtId="0" fontId="3" fillId="3" borderId="0" xfId="1" applyFill="1"/>
    <xf numFmtId="0" fontId="9" fillId="3" borderId="0" xfId="0" applyFont="1" applyFill="1"/>
    <xf numFmtId="0" fontId="3" fillId="3" borderId="0" xfId="1" applyFill="1" applyAlignment="1">
      <alignment vertical="top" wrapText="1"/>
    </xf>
    <xf numFmtId="1" fontId="10" fillId="3" borderId="0" xfId="0" applyNumberFormat="1" applyFont="1" applyFill="1" applyAlignment="1">
      <alignment horizontal="left"/>
    </xf>
    <xf numFmtId="0" fontId="3" fillId="3" borderId="0" xfId="1" quotePrefix="1" applyFill="1"/>
    <xf numFmtId="1" fontId="3" fillId="3" borderId="0" xfId="1" applyNumberFormat="1" applyFill="1" applyAlignment="1">
      <alignment horizontal="left"/>
    </xf>
    <xf numFmtId="0" fontId="9" fillId="3" borderId="0" xfId="0" applyFont="1" applyFill="1" applyAlignment="1">
      <alignment horizontal="left"/>
    </xf>
    <xf numFmtId="0" fontId="11" fillId="0" borderId="0" xfId="0" applyFont="1"/>
    <xf numFmtId="0" fontId="12" fillId="0" borderId="0" xfId="0" applyFont="1"/>
    <xf numFmtId="0" fontId="17" fillId="6" borderId="1" xfId="0" applyFont="1" applyFill="1" applyBorder="1" applyAlignment="1">
      <alignment horizontal="left" vertical="top"/>
    </xf>
    <xf numFmtId="0" fontId="18" fillId="6" borderId="1" xfId="29" applyFont="1" applyFill="1" applyBorder="1" applyAlignment="1">
      <alignment horizontal="left" vertical="top" wrapText="1"/>
    </xf>
    <xf numFmtId="168" fontId="18" fillId="6" borderId="1" xfId="29" applyNumberFormat="1" applyFont="1" applyFill="1" applyBorder="1" applyAlignment="1">
      <alignment horizontal="left" vertical="top" wrapText="1"/>
    </xf>
    <xf numFmtId="168" fontId="19" fillId="6" borderId="1" xfId="29" applyNumberFormat="1" applyFont="1" applyFill="1" applyBorder="1" applyAlignment="1">
      <alignment horizontal="left" vertical="top" wrapText="1"/>
    </xf>
    <xf numFmtId="0" fontId="20" fillId="6" borderId="1" xfId="0" applyFont="1" applyFill="1" applyBorder="1" applyAlignment="1">
      <alignment vertical="center"/>
    </xf>
    <xf numFmtId="0" fontId="21" fillId="6" borderId="1" xfId="15" applyFont="1" applyFill="1" applyBorder="1" applyAlignment="1">
      <alignment horizontal="left" vertical="top" wrapText="1"/>
    </xf>
    <xf numFmtId="168" fontId="21" fillId="6" borderId="1" xfId="29" applyNumberFormat="1" applyFont="1" applyFill="1" applyBorder="1" applyAlignment="1">
      <alignment horizontal="left" vertical="top" wrapText="1"/>
    </xf>
    <xf numFmtId="168" fontId="22" fillId="6" borderId="1" xfId="15" applyNumberFormat="1" applyFont="1" applyFill="1" applyBorder="1" applyAlignment="1">
      <alignment horizontal="left" vertical="top" wrapText="1"/>
    </xf>
    <xf numFmtId="0" fontId="23" fillId="0" borderId="1" xfId="0" applyFont="1" applyBorder="1" applyAlignment="1">
      <alignment horizontal="left" vertical="center" wrapText="1"/>
    </xf>
    <xf numFmtId="165" fontId="20" fillId="0" borderId="1" xfId="15" applyNumberFormat="1" applyFont="1" applyFill="1" applyBorder="1" applyAlignment="1">
      <alignment horizontal="left" vertical="center"/>
    </xf>
    <xf numFmtId="168" fontId="20" fillId="0" borderId="1" xfId="29" applyNumberFormat="1" applyFont="1" applyFill="1" applyBorder="1" applyAlignment="1">
      <alignment horizontal="left" vertical="center"/>
    </xf>
    <xf numFmtId="168" fontId="22" fillId="0" borderId="1" xfId="15" applyNumberFormat="1" applyFont="1" applyFill="1" applyBorder="1" applyAlignment="1">
      <alignment horizontal="left" vertical="center"/>
    </xf>
    <xf numFmtId="0" fontId="24" fillId="4" borderId="1" xfId="17" applyFont="1" applyFill="1" applyBorder="1" applyAlignment="1">
      <alignment horizontal="left" vertical="center" wrapText="1"/>
    </xf>
    <xf numFmtId="165" fontId="20" fillId="4" borderId="1" xfId="15" applyNumberFormat="1" applyFont="1" applyFill="1" applyBorder="1" applyAlignment="1">
      <alignment horizontal="left" vertical="center"/>
    </xf>
    <xf numFmtId="168" fontId="20" fillId="4" borderId="1" xfId="29" applyNumberFormat="1" applyFont="1" applyFill="1" applyBorder="1" applyAlignment="1">
      <alignment horizontal="left" vertical="center"/>
    </xf>
    <xf numFmtId="168" fontId="22" fillId="4" borderId="1" xfId="15" applyNumberFormat="1" applyFont="1" applyFill="1" applyBorder="1" applyAlignment="1">
      <alignment horizontal="left" vertical="center"/>
    </xf>
    <xf numFmtId="0" fontId="20" fillId="0" borderId="1" xfId="24" applyFont="1" applyFill="1" applyBorder="1" applyAlignment="1">
      <alignment horizontal="left" vertical="center" wrapText="1"/>
    </xf>
    <xf numFmtId="165" fontId="20" fillId="0" borderId="1" xfId="24" applyNumberFormat="1" applyFont="1" applyFill="1" applyBorder="1" applyAlignment="1">
      <alignment horizontal="left" vertical="center"/>
    </xf>
    <xf numFmtId="168" fontId="20" fillId="0" borderId="1" xfId="24" applyNumberFormat="1" applyFont="1" applyFill="1" applyBorder="1" applyAlignment="1">
      <alignment horizontal="left" vertical="center"/>
    </xf>
    <xf numFmtId="168" fontId="22" fillId="0" borderId="1" xfId="24" applyNumberFormat="1" applyFont="1" applyFill="1" applyBorder="1" applyAlignment="1">
      <alignment horizontal="left" vertical="center"/>
    </xf>
    <xf numFmtId="0" fontId="24" fillId="0" borderId="1" xfId="17" applyFont="1" applyBorder="1" applyAlignment="1">
      <alignment horizontal="left" vertical="center" wrapText="1"/>
    </xf>
    <xf numFmtId="165" fontId="20" fillId="0" borderId="1" xfId="22" applyNumberFormat="1" applyFont="1" applyFill="1" applyBorder="1" applyAlignment="1">
      <alignment horizontal="left" vertical="center"/>
    </xf>
    <xf numFmtId="168" fontId="20" fillId="0" borderId="1" xfId="22" applyNumberFormat="1" applyFont="1" applyFill="1" applyBorder="1" applyAlignment="1">
      <alignment horizontal="left" vertical="center"/>
    </xf>
    <xf numFmtId="168" fontId="22" fillId="0" borderId="1" xfId="22" applyNumberFormat="1" applyFont="1" applyFill="1" applyBorder="1" applyAlignment="1">
      <alignment horizontal="left" vertical="center"/>
    </xf>
    <xf numFmtId="165" fontId="20" fillId="4" borderId="1" xfId="22" applyNumberFormat="1" applyFont="1" applyFill="1" applyBorder="1" applyAlignment="1">
      <alignment horizontal="left" vertical="center"/>
    </xf>
    <xf numFmtId="168" fontId="20" fillId="4" borderId="1" xfId="22" applyNumberFormat="1" applyFont="1" applyFill="1" applyBorder="1" applyAlignment="1">
      <alignment horizontal="left" vertical="center"/>
    </xf>
    <xf numFmtId="168" fontId="22" fillId="4" borderId="1" xfId="22" applyNumberFormat="1" applyFont="1" applyFill="1" applyBorder="1" applyAlignment="1">
      <alignment horizontal="left" vertical="center"/>
    </xf>
    <xf numFmtId="0" fontId="25" fillId="5" borderId="1" xfId="29" quotePrefix="1" applyFont="1" applyFill="1" applyBorder="1" applyAlignment="1">
      <alignment horizontal="left" vertical="top" wrapText="1"/>
    </xf>
    <xf numFmtId="0" fontId="18" fillId="7" borderId="1" xfId="29" applyFont="1" applyFill="1" applyBorder="1" applyAlignment="1">
      <alignment horizontal="left" vertical="top" wrapText="1"/>
    </xf>
    <xf numFmtId="168" fontId="18" fillId="7" borderId="1" xfId="29" applyNumberFormat="1" applyFont="1" applyFill="1" applyBorder="1" applyAlignment="1">
      <alignment horizontal="left" vertical="top" wrapText="1"/>
    </xf>
    <xf numFmtId="168" fontId="19" fillId="7" borderId="1" xfId="29" applyNumberFormat="1" applyFont="1" applyFill="1" applyBorder="1" applyAlignment="1">
      <alignment horizontal="left" vertical="top" wrapText="1"/>
    </xf>
    <xf numFmtId="0" fontId="21" fillId="7" borderId="1" xfId="15" applyFont="1" applyFill="1" applyBorder="1" applyAlignment="1">
      <alignment horizontal="left" vertical="top" wrapText="1"/>
    </xf>
    <xf numFmtId="168" fontId="21" fillId="7" borderId="1" xfId="29" applyNumberFormat="1" applyFont="1" applyFill="1" applyBorder="1" applyAlignment="1">
      <alignment horizontal="left" vertical="top" wrapText="1"/>
    </xf>
    <xf numFmtId="168" fontId="22" fillId="7" borderId="1" xfId="15" applyNumberFormat="1" applyFont="1" applyFill="1" applyBorder="1" applyAlignment="1">
      <alignment horizontal="left" vertical="top" wrapText="1"/>
    </xf>
    <xf numFmtId="165" fontId="20" fillId="0" borderId="1" xfId="33" applyNumberFormat="1" applyFont="1" applyFill="1" applyBorder="1" applyAlignment="1">
      <alignment horizontal="left" vertical="center"/>
    </xf>
    <xf numFmtId="168" fontId="20" fillId="0" borderId="1" xfId="31" applyNumberFormat="1" applyFont="1" applyFill="1" applyBorder="1" applyAlignment="1">
      <alignment horizontal="left" vertical="center"/>
    </xf>
    <xf numFmtId="168" fontId="22" fillId="0" borderId="1" xfId="33" applyNumberFormat="1" applyFont="1" applyFill="1" applyBorder="1" applyAlignment="1">
      <alignment horizontal="left" vertical="center"/>
    </xf>
    <xf numFmtId="165" fontId="20" fillId="4" borderId="1" xfId="33" applyNumberFormat="1" applyFont="1" applyFill="1" applyBorder="1" applyAlignment="1">
      <alignment horizontal="left" vertical="center"/>
    </xf>
    <xf numFmtId="168" fontId="20" fillId="4" borderId="1" xfId="31" applyNumberFormat="1" applyFont="1" applyFill="1" applyBorder="1" applyAlignment="1">
      <alignment horizontal="left" vertical="center"/>
    </xf>
    <xf numFmtId="168" fontId="22" fillId="4" borderId="1" xfId="33" applyNumberFormat="1" applyFont="1" applyFill="1" applyBorder="1" applyAlignment="1">
      <alignment horizontal="left" vertical="center"/>
    </xf>
    <xf numFmtId="165" fontId="20" fillId="0" borderId="1" xfId="30" applyNumberFormat="1" applyFont="1" applyFill="1" applyBorder="1" applyAlignment="1">
      <alignment horizontal="left" vertical="center"/>
    </xf>
    <xf numFmtId="168" fontId="20" fillId="0" borderId="1" xfId="30" applyNumberFormat="1" applyFont="1" applyFill="1" applyBorder="1" applyAlignment="1">
      <alignment horizontal="left" vertical="center"/>
    </xf>
    <xf numFmtId="168" fontId="22" fillId="0" borderId="1" xfId="30" applyNumberFormat="1" applyFont="1" applyFill="1" applyBorder="1" applyAlignment="1">
      <alignment horizontal="left" vertical="center"/>
    </xf>
    <xf numFmtId="165" fontId="20" fillId="4" borderId="1" xfId="30" applyNumberFormat="1" applyFont="1" applyFill="1" applyBorder="1" applyAlignment="1">
      <alignment horizontal="left" vertical="center"/>
    </xf>
    <xf numFmtId="168" fontId="20" fillId="4" borderId="1" xfId="30" applyNumberFormat="1" applyFont="1" applyFill="1" applyBorder="1" applyAlignment="1">
      <alignment horizontal="left" vertical="center"/>
    </xf>
    <xf numFmtId="168" fontId="22" fillId="4" borderId="1" xfId="30" applyNumberFormat="1" applyFont="1" applyFill="1" applyBorder="1" applyAlignment="1">
      <alignment horizontal="left" vertical="center"/>
    </xf>
    <xf numFmtId="165" fontId="20" fillId="0" borderId="1" xfId="25" applyNumberFormat="1" applyFont="1" applyFill="1" applyBorder="1" applyAlignment="1">
      <alignment horizontal="left" vertical="center"/>
    </xf>
    <xf numFmtId="168" fontId="20" fillId="0" borderId="1" xfId="25" applyNumberFormat="1" applyFont="1" applyFill="1" applyBorder="1" applyAlignment="1">
      <alignment horizontal="left" vertical="center"/>
    </xf>
    <xf numFmtId="168" fontId="22" fillId="0" borderId="1" xfId="25" applyNumberFormat="1" applyFont="1" applyFill="1" applyBorder="1" applyAlignment="1">
      <alignment horizontal="left" vertical="center"/>
    </xf>
    <xf numFmtId="168" fontId="22" fillId="0" borderId="1" xfId="34" applyNumberFormat="1" applyFont="1" applyFill="1" applyBorder="1" applyAlignment="1">
      <alignment horizontal="left" vertical="center"/>
    </xf>
    <xf numFmtId="168" fontId="22" fillId="4" borderId="1" xfId="34" applyNumberFormat="1" applyFont="1" applyFill="1" applyBorder="1" applyAlignment="1">
      <alignment horizontal="left" vertical="center"/>
    </xf>
    <xf numFmtId="167" fontId="19" fillId="7" borderId="1" xfId="29" applyNumberFormat="1" applyFont="1" applyFill="1" applyBorder="1" applyAlignment="1">
      <alignment horizontal="left" vertical="top" wrapText="1"/>
    </xf>
    <xf numFmtId="167" fontId="19" fillId="6" borderId="1" xfId="29" applyNumberFormat="1" applyFont="1" applyFill="1" applyBorder="1" applyAlignment="1">
      <alignment horizontal="left" vertical="top" wrapText="1"/>
    </xf>
    <xf numFmtId="167" fontId="22" fillId="7" borderId="1" xfId="15" applyNumberFormat="1" applyFont="1" applyFill="1" applyBorder="1" applyAlignment="1">
      <alignment horizontal="left" vertical="top" wrapText="1"/>
    </xf>
    <xf numFmtId="167" fontId="22" fillId="6" borderId="1" xfId="15" applyNumberFormat="1" applyFont="1" applyFill="1" applyBorder="1" applyAlignment="1">
      <alignment horizontal="left" vertical="top" wrapText="1"/>
    </xf>
    <xf numFmtId="165" fontId="20" fillId="0" borderId="1" xfId="6" applyNumberFormat="1" applyFont="1" applyFill="1" applyBorder="1" applyAlignment="1">
      <alignment horizontal="left" vertical="center"/>
    </xf>
    <xf numFmtId="164" fontId="20" fillId="0" borderId="1" xfId="6" applyNumberFormat="1" applyFont="1" applyFill="1" applyBorder="1" applyAlignment="1">
      <alignment horizontal="left" vertical="center"/>
    </xf>
    <xf numFmtId="167" fontId="22" fillId="0" borderId="1" xfId="0" applyNumberFormat="1" applyFont="1" applyFill="1" applyBorder="1" applyAlignment="1">
      <alignment horizontal="left" vertical="center" wrapText="1"/>
    </xf>
    <xf numFmtId="165" fontId="20" fillId="4" borderId="1" xfId="6" applyNumberFormat="1" applyFont="1" applyFill="1" applyBorder="1" applyAlignment="1">
      <alignment horizontal="left" vertical="center"/>
    </xf>
    <xf numFmtId="164" fontId="20" fillId="4" borderId="1" xfId="6" applyNumberFormat="1" applyFont="1" applyFill="1" applyBorder="1" applyAlignment="1">
      <alignment horizontal="left" vertical="center"/>
    </xf>
    <xf numFmtId="167" fontId="22" fillId="4" borderId="1" xfId="0" applyNumberFormat="1" applyFont="1" applyFill="1" applyBorder="1" applyAlignment="1">
      <alignment horizontal="left" vertical="center" wrapText="1"/>
    </xf>
    <xf numFmtId="164" fontId="20" fillId="0" borderId="1" xfId="25" applyNumberFormat="1" applyFont="1" applyFill="1" applyBorder="1" applyAlignment="1">
      <alignment horizontal="left" vertical="center"/>
    </xf>
    <xf numFmtId="166" fontId="20" fillId="0" borderId="1" xfId="6" applyNumberFormat="1" applyFont="1" applyFill="1" applyBorder="1" applyAlignment="1">
      <alignment horizontal="left" vertical="center"/>
    </xf>
    <xf numFmtId="165" fontId="20" fillId="0" borderId="1" xfId="26" applyNumberFormat="1" applyFont="1" applyFill="1" applyBorder="1" applyAlignment="1">
      <alignment horizontal="left" vertical="center"/>
    </xf>
    <xf numFmtId="168" fontId="20" fillId="0" borderId="1" xfId="26" applyNumberFormat="1" applyFont="1" applyFill="1" applyBorder="1" applyAlignment="1">
      <alignment horizontal="left" vertical="center"/>
    </xf>
    <xf numFmtId="168" fontId="22" fillId="0" borderId="1" xfId="26" applyNumberFormat="1" applyFont="1" applyFill="1" applyBorder="1" applyAlignment="1">
      <alignment horizontal="left" vertical="center"/>
    </xf>
    <xf numFmtId="164" fontId="20" fillId="0" borderId="1" xfId="14" applyNumberFormat="1" applyFont="1" applyFill="1" applyBorder="1" applyAlignment="1">
      <alignment horizontal="left" vertical="center"/>
    </xf>
    <xf numFmtId="165" fontId="20" fillId="4" borderId="1" xfId="26" applyNumberFormat="1" applyFont="1" applyFill="1" applyBorder="1" applyAlignment="1">
      <alignment horizontal="left" vertical="center"/>
    </xf>
    <xf numFmtId="168" fontId="20" fillId="4" borderId="1" xfId="26" applyNumberFormat="1" applyFont="1" applyFill="1" applyBorder="1" applyAlignment="1">
      <alignment horizontal="left" vertical="center"/>
    </xf>
    <xf numFmtId="168" fontId="22" fillId="4" borderId="1" xfId="26" applyNumberFormat="1" applyFont="1" applyFill="1" applyBorder="1" applyAlignment="1">
      <alignment horizontal="left" vertical="center"/>
    </xf>
    <xf numFmtId="164" fontId="20" fillId="4" borderId="1" xfId="14" applyNumberFormat="1" applyFont="1" applyFill="1" applyBorder="1" applyAlignment="1">
      <alignment horizontal="left" vertical="center"/>
    </xf>
    <xf numFmtId="166" fontId="20" fillId="0" borderId="1" xfId="14" applyNumberFormat="1" applyFont="1" applyFill="1" applyBorder="1" applyAlignment="1">
      <alignment horizontal="left" vertical="center"/>
    </xf>
    <xf numFmtId="0" fontId="25" fillId="5" borderId="1" xfId="26" applyFont="1" applyFill="1" applyBorder="1" applyAlignment="1">
      <alignment vertical="top" wrapText="1"/>
    </xf>
    <xf numFmtId="0" fontId="26" fillId="6" borderId="1" xfId="0" applyFont="1" applyFill="1" applyBorder="1" applyAlignment="1">
      <alignment horizontal="left" vertical="top"/>
    </xf>
    <xf numFmtId="0" fontId="27" fillId="6" borderId="1" xfId="0" applyFont="1" applyFill="1" applyBorder="1" applyAlignment="1">
      <alignment vertical="center"/>
    </xf>
    <xf numFmtId="165" fontId="20" fillId="0" borderId="1" xfId="16" applyNumberFormat="1" applyFont="1" applyFill="1" applyBorder="1" applyAlignment="1">
      <alignment horizontal="left" vertical="center"/>
    </xf>
    <xf numFmtId="164" fontId="20" fillId="0" borderId="1" xfId="16" applyNumberFormat="1" applyFont="1" applyFill="1" applyBorder="1" applyAlignment="1">
      <alignment horizontal="left" vertical="center"/>
    </xf>
    <xf numFmtId="165" fontId="20" fillId="4" borderId="1" xfId="16" applyNumberFormat="1" applyFont="1" applyFill="1" applyBorder="1" applyAlignment="1">
      <alignment horizontal="left" vertical="center"/>
    </xf>
    <xf numFmtId="164" fontId="20" fillId="4" borderId="1" xfId="16" applyNumberFormat="1" applyFont="1" applyFill="1" applyBorder="1" applyAlignment="1">
      <alignment horizontal="left" vertical="center"/>
    </xf>
    <xf numFmtId="165" fontId="20" fillId="0" borderId="1" xfId="11" applyNumberFormat="1" applyFont="1" applyFill="1" applyBorder="1" applyAlignment="1">
      <alignment horizontal="left" vertical="center"/>
    </xf>
    <xf numFmtId="168" fontId="20" fillId="0" borderId="1" xfId="11" applyNumberFormat="1" applyFont="1" applyFill="1" applyBorder="1" applyAlignment="1">
      <alignment horizontal="left" vertical="center"/>
    </xf>
    <xf numFmtId="168" fontId="22" fillId="0" borderId="1" xfId="11" applyNumberFormat="1" applyFont="1" applyFill="1" applyBorder="1" applyAlignment="1">
      <alignment horizontal="left" vertical="center"/>
    </xf>
    <xf numFmtId="165" fontId="20" fillId="4" borderId="1" xfId="11" applyNumberFormat="1" applyFont="1" applyFill="1" applyBorder="1" applyAlignment="1">
      <alignment horizontal="left" vertical="center"/>
    </xf>
    <xf numFmtId="168" fontId="20" fillId="4" borderId="1" xfId="11" applyNumberFormat="1" applyFont="1" applyFill="1" applyBorder="1" applyAlignment="1">
      <alignment horizontal="left" vertical="center"/>
    </xf>
    <xf numFmtId="168" fontId="22" fillId="4" borderId="1" xfId="11" applyNumberFormat="1" applyFont="1" applyFill="1" applyBorder="1" applyAlignment="1">
      <alignment horizontal="left" vertical="center"/>
    </xf>
    <xf numFmtId="165" fontId="20" fillId="0" borderId="1" xfId="0" applyNumberFormat="1" applyFont="1" applyFill="1" applyBorder="1" applyAlignment="1">
      <alignment horizontal="left" vertical="center"/>
    </xf>
    <xf numFmtId="164" fontId="20" fillId="0" borderId="1" xfId="12" applyNumberFormat="1" applyFont="1" applyFill="1" applyBorder="1" applyAlignment="1">
      <alignment horizontal="left" vertical="center"/>
    </xf>
    <xf numFmtId="165" fontId="20" fillId="0" borderId="1" xfId="12" applyNumberFormat="1" applyFont="1" applyFill="1" applyBorder="1" applyAlignment="1">
      <alignment horizontal="left" vertical="center"/>
    </xf>
    <xf numFmtId="165" fontId="20" fillId="4" borderId="1" xfId="0" applyNumberFormat="1" applyFont="1" applyFill="1" applyBorder="1" applyAlignment="1">
      <alignment horizontal="left" vertical="center"/>
    </xf>
    <xf numFmtId="164" fontId="20" fillId="4" borderId="1" xfId="12" applyNumberFormat="1" applyFont="1" applyFill="1" applyBorder="1" applyAlignment="1">
      <alignment horizontal="left" vertical="center"/>
    </xf>
    <xf numFmtId="165" fontId="20" fillId="4" borderId="1" xfId="12" applyNumberFormat="1" applyFont="1" applyFill="1" applyBorder="1" applyAlignment="1">
      <alignment horizontal="left" vertical="center"/>
    </xf>
    <xf numFmtId="168" fontId="21" fillId="6" borderId="1" xfId="15" applyNumberFormat="1" applyFont="1" applyFill="1" applyBorder="1" applyAlignment="1">
      <alignment horizontal="left" vertical="top" wrapText="1"/>
    </xf>
    <xf numFmtId="165" fontId="20" fillId="0" borderId="1" xfId="28" applyNumberFormat="1" applyFont="1" applyFill="1" applyBorder="1" applyAlignment="1">
      <alignment horizontal="left" vertical="center"/>
    </xf>
    <xf numFmtId="168" fontId="22" fillId="0" borderId="1" xfId="0" applyNumberFormat="1" applyFont="1" applyFill="1" applyBorder="1" applyAlignment="1">
      <alignment horizontal="left" vertical="center"/>
    </xf>
    <xf numFmtId="165" fontId="20" fillId="4" borderId="1" xfId="28" applyNumberFormat="1" applyFont="1" applyFill="1" applyBorder="1" applyAlignment="1">
      <alignment horizontal="left" vertical="center"/>
    </xf>
    <xf numFmtId="168" fontId="22" fillId="4" borderId="1" xfId="0" applyNumberFormat="1" applyFont="1" applyFill="1" applyBorder="1" applyAlignment="1">
      <alignment horizontal="left" vertical="center"/>
    </xf>
    <xf numFmtId="165" fontId="20" fillId="0" borderId="1" xfId="27" applyNumberFormat="1" applyFont="1" applyFill="1" applyBorder="1" applyAlignment="1">
      <alignment horizontal="left" vertical="center"/>
    </xf>
    <xf numFmtId="168" fontId="20" fillId="0" borderId="1" xfId="27" applyNumberFormat="1" applyFont="1" applyFill="1" applyBorder="1" applyAlignment="1">
      <alignment horizontal="left" vertical="center"/>
    </xf>
    <xf numFmtId="168" fontId="22" fillId="0" borderId="1" xfId="27" applyNumberFormat="1" applyFont="1" applyFill="1" applyBorder="1" applyAlignment="1">
      <alignment horizontal="left" vertical="center"/>
    </xf>
    <xf numFmtId="165" fontId="20" fillId="4" borderId="1" xfId="27" applyNumberFormat="1" applyFont="1" applyFill="1" applyBorder="1" applyAlignment="1">
      <alignment horizontal="left" vertical="center"/>
    </xf>
    <xf numFmtId="168" fontId="20" fillId="4" borderId="1" xfId="27" applyNumberFormat="1" applyFont="1" applyFill="1" applyBorder="1" applyAlignment="1">
      <alignment horizontal="left" vertical="center"/>
    </xf>
    <xf numFmtId="168" fontId="22" fillId="4" borderId="1" xfId="27" applyNumberFormat="1" applyFont="1" applyFill="1" applyBorder="1" applyAlignment="1">
      <alignment horizontal="left" vertical="center"/>
    </xf>
    <xf numFmtId="165" fontId="20" fillId="0" borderId="1" xfId="5" applyNumberFormat="1" applyFont="1" applyFill="1" applyBorder="1" applyAlignment="1">
      <alignment horizontal="left" vertical="center"/>
    </xf>
    <xf numFmtId="164" fontId="20" fillId="0" borderId="1" xfId="5" applyNumberFormat="1" applyFont="1" applyFill="1" applyBorder="1" applyAlignment="1">
      <alignment horizontal="left" vertical="center"/>
    </xf>
    <xf numFmtId="165" fontId="20" fillId="4" borderId="1" xfId="5" applyNumberFormat="1" applyFont="1" applyFill="1" applyBorder="1" applyAlignment="1">
      <alignment horizontal="left" vertical="center"/>
    </xf>
    <xf numFmtId="164" fontId="20" fillId="4" borderId="1" xfId="5" applyNumberFormat="1" applyFont="1" applyFill="1" applyBorder="1" applyAlignment="1">
      <alignment horizontal="left" vertical="center"/>
    </xf>
    <xf numFmtId="165" fontId="20" fillId="0" borderId="1" xfId="9" applyNumberFormat="1" applyFont="1" applyFill="1" applyBorder="1" applyAlignment="1">
      <alignment horizontal="left" vertical="center"/>
    </xf>
    <xf numFmtId="168" fontId="20" fillId="0" borderId="1" xfId="9" applyNumberFormat="1" applyFont="1" applyFill="1" applyBorder="1" applyAlignment="1">
      <alignment horizontal="left" vertical="center"/>
    </xf>
    <xf numFmtId="167" fontId="20" fillId="0" borderId="1" xfId="9" applyNumberFormat="1" applyFont="1" applyFill="1" applyBorder="1" applyAlignment="1">
      <alignment horizontal="left" vertical="center"/>
    </xf>
    <xf numFmtId="164" fontId="20" fillId="0" borderId="1" xfId="9" applyNumberFormat="1" applyFont="1" applyFill="1" applyBorder="1" applyAlignment="1">
      <alignment horizontal="left" vertical="center"/>
    </xf>
    <xf numFmtId="165" fontId="20" fillId="4" borderId="1" xfId="9" applyNumberFormat="1" applyFont="1" applyFill="1" applyBorder="1" applyAlignment="1">
      <alignment horizontal="left" vertical="center"/>
    </xf>
    <xf numFmtId="168" fontId="20" fillId="4" borderId="1" xfId="9" applyNumberFormat="1" applyFont="1" applyFill="1" applyBorder="1" applyAlignment="1">
      <alignment horizontal="left" vertical="center"/>
    </xf>
    <xf numFmtId="167" fontId="20" fillId="4" borderId="1" xfId="9" applyNumberFormat="1" applyFont="1" applyFill="1" applyBorder="1" applyAlignment="1">
      <alignment horizontal="left" vertical="center"/>
    </xf>
    <xf numFmtId="164" fontId="20" fillId="4" borderId="1" xfId="9" applyNumberFormat="1" applyFont="1" applyFill="1" applyBorder="1" applyAlignment="1">
      <alignment horizontal="left" vertical="center"/>
    </xf>
    <xf numFmtId="165" fontId="20" fillId="0" borderId="1" xfId="13" applyNumberFormat="1" applyFont="1" applyFill="1" applyBorder="1" applyAlignment="1">
      <alignment horizontal="left" vertical="center"/>
    </xf>
    <xf numFmtId="165" fontId="20" fillId="4" borderId="1" xfId="13" applyNumberFormat="1" applyFont="1" applyFill="1" applyBorder="1" applyAlignment="1">
      <alignment horizontal="left" vertical="center"/>
    </xf>
    <xf numFmtId="168" fontId="20" fillId="4" borderId="1" xfId="13" applyNumberFormat="1" applyFont="1" applyFill="1" applyBorder="1" applyAlignment="1">
      <alignment horizontal="left" vertical="center"/>
    </xf>
    <xf numFmtId="168" fontId="22" fillId="4" borderId="1" xfId="13" applyNumberFormat="1" applyFont="1" applyFill="1" applyBorder="1" applyAlignment="1">
      <alignment horizontal="left" vertical="center"/>
    </xf>
    <xf numFmtId="164" fontId="20" fillId="4" borderId="1" xfId="13" applyNumberFormat="1" applyFont="1" applyFill="1" applyBorder="1" applyAlignment="1">
      <alignment horizontal="left" vertical="center"/>
    </xf>
    <xf numFmtId="165" fontId="20" fillId="0" borderId="1" xfId="23" applyNumberFormat="1" applyFont="1" applyFill="1" applyBorder="1" applyAlignment="1">
      <alignment horizontal="left" vertical="center"/>
    </xf>
    <xf numFmtId="165" fontId="20" fillId="4" borderId="1" xfId="23" applyNumberFormat="1" applyFont="1" applyFill="1" applyBorder="1" applyAlignment="1">
      <alignment horizontal="left" vertical="center"/>
    </xf>
    <xf numFmtId="168" fontId="20" fillId="4" borderId="1" xfId="36" applyNumberFormat="1" applyFont="1" applyFill="1" applyBorder="1" applyAlignment="1">
      <alignment horizontal="left" vertical="center"/>
    </xf>
    <xf numFmtId="168" fontId="22" fillId="4" borderId="1" xfId="23" applyNumberFormat="1" applyFont="1" applyFill="1" applyBorder="1" applyAlignment="1">
      <alignment horizontal="left" vertical="center"/>
    </xf>
    <xf numFmtId="164" fontId="20" fillId="0" borderId="1" xfId="23" applyNumberFormat="1" applyFont="1" applyFill="1" applyBorder="1" applyAlignment="1">
      <alignment horizontal="left" vertical="center"/>
    </xf>
    <xf numFmtId="164" fontId="20" fillId="4" borderId="1" xfId="23" applyNumberFormat="1" applyFont="1" applyFill="1" applyBorder="1" applyAlignment="1">
      <alignment horizontal="left" vertical="center"/>
    </xf>
    <xf numFmtId="165" fontId="20" fillId="0" borderId="1" xfId="4" applyNumberFormat="1" applyFont="1" applyFill="1" applyBorder="1" applyAlignment="1">
      <alignment horizontal="left" vertical="center"/>
    </xf>
    <xf numFmtId="165" fontId="20" fillId="4" borderId="1" xfId="4" applyNumberFormat="1" applyFont="1" applyFill="1" applyBorder="1" applyAlignment="1">
      <alignment horizontal="left" vertical="center"/>
    </xf>
    <xf numFmtId="164" fontId="20" fillId="4" borderId="1" xfId="35" applyNumberFormat="1" applyFont="1" applyFill="1" applyBorder="1" applyAlignment="1">
      <alignment horizontal="left" vertical="center"/>
    </xf>
    <xf numFmtId="164" fontId="20" fillId="0" borderId="1" xfId="24" applyNumberFormat="1" applyFont="1" applyFill="1" applyBorder="1" applyAlignment="1">
      <alignment horizontal="left" vertical="center"/>
    </xf>
    <xf numFmtId="165" fontId="20" fillId="0" borderId="1" xfId="34" applyNumberFormat="1" applyFont="1" applyFill="1" applyBorder="1" applyAlignment="1">
      <alignment horizontal="left" vertical="center"/>
    </xf>
    <xf numFmtId="168" fontId="20" fillId="0" borderId="1" xfId="34" applyNumberFormat="1" applyFont="1" applyFill="1" applyBorder="1" applyAlignment="1">
      <alignment horizontal="left" vertical="center"/>
    </xf>
    <xf numFmtId="165" fontId="20" fillId="4" borderId="1" xfId="34" applyNumberFormat="1" applyFont="1" applyFill="1" applyBorder="1" applyAlignment="1">
      <alignment horizontal="left" vertical="center"/>
    </xf>
    <xf numFmtId="168" fontId="20" fillId="4" borderId="1" xfId="34" applyNumberFormat="1" applyFont="1" applyFill="1" applyBorder="1" applyAlignment="1">
      <alignment horizontal="left" vertical="center"/>
    </xf>
    <xf numFmtId="164" fontId="20" fillId="0" borderId="1" xfId="34" applyNumberFormat="1" applyFont="1" applyFill="1" applyBorder="1" applyAlignment="1">
      <alignment horizontal="left" vertical="center"/>
    </xf>
    <xf numFmtId="164" fontId="20" fillId="4" borderId="1" xfId="34" applyNumberFormat="1" applyFont="1" applyFill="1" applyBorder="1" applyAlignment="1">
      <alignment horizontal="left" vertical="center"/>
    </xf>
    <xf numFmtId="165" fontId="20" fillId="0" borderId="1" xfId="7" applyNumberFormat="1" applyFont="1" applyFill="1" applyBorder="1" applyAlignment="1">
      <alignment horizontal="left" vertical="center"/>
    </xf>
    <xf numFmtId="165" fontId="20" fillId="4" borderId="1" xfId="7" applyNumberFormat="1" applyFont="1" applyFill="1" applyBorder="1" applyAlignment="1">
      <alignment horizontal="left" vertical="center"/>
    </xf>
    <xf numFmtId="164" fontId="20" fillId="0" borderId="1" xfId="29" applyNumberFormat="1" applyFont="1" applyFill="1" applyBorder="1" applyAlignment="1">
      <alignment horizontal="left" vertical="center"/>
    </xf>
    <xf numFmtId="164" fontId="20" fillId="0" borderId="1" xfId="7" applyNumberFormat="1" applyFont="1" applyFill="1" applyBorder="1" applyAlignment="1">
      <alignment horizontal="left" vertical="center"/>
    </xf>
    <xf numFmtId="164" fontId="20" fillId="4" borderId="1" xfId="29" applyNumberFormat="1" applyFont="1" applyFill="1" applyBorder="1" applyAlignment="1">
      <alignment horizontal="left" vertical="center"/>
    </xf>
    <xf numFmtId="164" fontId="20" fillId="4" borderId="1" xfId="7" applyNumberFormat="1" applyFont="1" applyFill="1" applyBorder="1" applyAlignment="1">
      <alignment horizontal="left" vertical="center"/>
    </xf>
    <xf numFmtId="165" fontId="20" fillId="0" borderId="1" xfId="8" applyNumberFormat="1" applyFont="1" applyFill="1" applyBorder="1" applyAlignment="1">
      <alignment horizontal="left" vertical="center"/>
    </xf>
    <xf numFmtId="165" fontId="20" fillId="4" borderId="1" xfId="8" applyNumberFormat="1" applyFont="1" applyFill="1" applyBorder="1" applyAlignment="1">
      <alignment horizontal="left" vertical="center"/>
    </xf>
    <xf numFmtId="168" fontId="20" fillId="4" borderId="1" xfId="8" applyNumberFormat="1" applyFont="1" applyFill="1" applyBorder="1" applyAlignment="1">
      <alignment horizontal="left" vertical="center"/>
    </xf>
    <xf numFmtId="164" fontId="20" fillId="0" borderId="1" xfId="8" applyNumberFormat="1" applyFont="1" applyFill="1" applyBorder="1" applyAlignment="1">
      <alignment horizontal="left" vertical="center"/>
    </xf>
    <xf numFmtId="164" fontId="20" fillId="4" borderId="1" xfId="8" applyNumberFormat="1" applyFont="1" applyFill="1" applyBorder="1" applyAlignment="1">
      <alignment horizontal="left" vertical="center"/>
    </xf>
    <xf numFmtId="165" fontId="20" fillId="0" borderId="1" xfId="10" applyNumberFormat="1" applyFont="1" applyFill="1" applyBorder="1" applyAlignment="1">
      <alignment horizontal="left" vertical="center"/>
    </xf>
    <xf numFmtId="168" fontId="20" fillId="0" borderId="1" xfId="10" applyNumberFormat="1" applyFont="1" applyFill="1" applyBorder="1" applyAlignment="1">
      <alignment horizontal="left" vertical="center"/>
    </xf>
    <xf numFmtId="165" fontId="20" fillId="4" borderId="1" xfId="10" applyNumberFormat="1" applyFont="1" applyFill="1" applyBorder="1" applyAlignment="1">
      <alignment horizontal="left" vertical="center"/>
    </xf>
    <xf numFmtId="168" fontId="20" fillId="4" borderId="1" xfId="10" applyNumberFormat="1" applyFont="1" applyFill="1" applyBorder="1" applyAlignment="1">
      <alignment horizontal="left" vertical="center"/>
    </xf>
    <xf numFmtId="168" fontId="22" fillId="4" borderId="1" xfId="10" applyNumberFormat="1" applyFont="1" applyFill="1" applyBorder="1" applyAlignment="1">
      <alignment horizontal="left" vertical="center"/>
    </xf>
    <xf numFmtId="164" fontId="20" fillId="0" borderId="1" xfId="10" applyNumberFormat="1" applyFont="1" applyFill="1" applyBorder="1" applyAlignment="1">
      <alignment horizontal="left" vertical="center"/>
    </xf>
    <xf numFmtId="164" fontId="20" fillId="4" borderId="1" xfId="10" applyNumberFormat="1" applyFont="1" applyFill="1" applyBorder="1" applyAlignment="1">
      <alignment horizontal="left" vertical="center"/>
    </xf>
    <xf numFmtId="165" fontId="20" fillId="0" borderId="1" xfId="37" applyNumberFormat="1" applyFont="1" applyFill="1" applyBorder="1" applyAlignment="1">
      <alignment horizontal="left" vertical="center"/>
    </xf>
    <xf numFmtId="164" fontId="20" fillId="0" borderId="1" xfId="37" applyNumberFormat="1" applyFont="1" applyFill="1" applyBorder="1" applyAlignment="1">
      <alignment horizontal="left" vertical="center"/>
    </xf>
    <xf numFmtId="165" fontId="20" fillId="4" borderId="1" xfId="37" applyNumberFormat="1" applyFont="1" applyFill="1" applyBorder="1" applyAlignment="1">
      <alignment horizontal="left" vertical="center"/>
    </xf>
    <xf numFmtId="164" fontId="20" fillId="4" borderId="1" xfId="37" applyNumberFormat="1" applyFont="1" applyFill="1" applyBorder="1" applyAlignment="1">
      <alignment horizontal="left" vertical="center"/>
    </xf>
    <xf numFmtId="165" fontId="20" fillId="0" borderId="1" xfId="3" applyNumberFormat="1" applyFont="1" applyFill="1" applyBorder="1" applyAlignment="1">
      <alignment horizontal="left" vertical="center"/>
    </xf>
    <xf numFmtId="165" fontId="20" fillId="4" borderId="1" xfId="3" applyNumberFormat="1" applyFont="1" applyFill="1" applyBorder="1" applyAlignment="1">
      <alignment horizontal="left" vertical="center"/>
    </xf>
    <xf numFmtId="165" fontId="20" fillId="0" borderId="1" xfId="32" applyNumberFormat="1" applyFont="1" applyFill="1" applyBorder="1" applyAlignment="1">
      <alignment horizontal="left" vertical="center"/>
    </xf>
    <xf numFmtId="165" fontId="20" fillId="4" borderId="1" xfId="32" applyNumberFormat="1" applyFont="1" applyFill="1" applyBorder="1" applyAlignment="1">
      <alignment horizontal="left" vertical="center"/>
    </xf>
    <xf numFmtId="164" fontId="20" fillId="0" borderId="1" xfId="32" applyNumberFormat="1" applyFont="1" applyFill="1" applyBorder="1" applyAlignment="1">
      <alignment horizontal="left" vertical="center"/>
    </xf>
    <xf numFmtId="164" fontId="20" fillId="4" borderId="1" xfId="32" applyNumberFormat="1" applyFont="1" applyFill="1" applyBorder="1" applyAlignment="1">
      <alignment horizontal="left" vertical="center"/>
    </xf>
    <xf numFmtId="165" fontId="20" fillId="0" borderId="1" xfId="19" applyNumberFormat="1" applyFont="1" applyFill="1" applyBorder="1" applyAlignment="1">
      <alignment horizontal="left" vertical="center"/>
    </xf>
    <xf numFmtId="165" fontId="20" fillId="4" borderId="1" xfId="19" applyNumberFormat="1" applyFont="1" applyFill="1" applyBorder="1" applyAlignment="1">
      <alignment horizontal="left" vertical="center"/>
    </xf>
    <xf numFmtId="165" fontId="20" fillId="0" borderId="1" xfId="21" applyNumberFormat="1" applyFont="1" applyFill="1" applyBorder="1" applyAlignment="1">
      <alignment horizontal="left" vertical="center"/>
    </xf>
    <xf numFmtId="165" fontId="20" fillId="4" borderId="1" xfId="21" applyNumberFormat="1" applyFont="1" applyFill="1" applyBorder="1" applyAlignment="1">
      <alignment horizontal="left" vertical="center"/>
    </xf>
    <xf numFmtId="164" fontId="20" fillId="0" borderId="1" xfId="21" applyNumberFormat="1" applyFont="1" applyFill="1" applyBorder="1" applyAlignment="1">
      <alignment horizontal="left" vertical="center"/>
    </xf>
    <xf numFmtId="164" fontId="20" fillId="4" borderId="1" xfId="21" applyNumberFormat="1" applyFont="1" applyFill="1" applyBorder="1" applyAlignment="1">
      <alignment horizontal="left" vertical="center"/>
    </xf>
    <xf numFmtId="165" fontId="20" fillId="0" borderId="1" xfId="18" applyNumberFormat="1" applyFont="1" applyFill="1" applyBorder="1" applyAlignment="1">
      <alignment horizontal="left" vertical="center"/>
    </xf>
    <xf numFmtId="168" fontId="20" fillId="0" borderId="1" xfId="18" applyNumberFormat="1" applyFont="1" applyFill="1" applyBorder="1" applyAlignment="1">
      <alignment horizontal="left" vertical="center"/>
    </xf>
    <xf numFmtId="168" fontId="22" fillId="0" borderId="1" xfId="18" applyNumberFormat="1" applyFont="1" applyFill="1" applyBorder="1" applyAlignment="1">
      <alignment horizontal="left" vertical="center"/>
    </xf>
    <xf numFmtId="165" fontId="20" fillId="4" borderId="1" xfId="18" applyNumberFormat="1" applyFont="1" applyFill="1" applyBorder="1" applyAlignment="1">
      <alignment horizontal="left" vertical="center"/>
    </xf>
    <xf numFmtId="168" fontId="20" fillId="4" borderId="1" xfId="18" applyNumberFormat="1" applyFont="1" applyFill="1" applyBorder="1" applyAlignment="1">
      <alignment horizontal="left" vertical="center"/>
    </xf>
    <xf numFmtId="168" fontId="22" fillId="4" borderId="1" xfId="18" applyNumberFormat="1" applyFont="1" applyFill="1" applyBorder="1" applyAlignment="1">
      <alignment horizontal="left" vertical="center"/>
    </xf>
    <xf numFmtId="164" fontId="20" fillId="0" borderId="1" xfId="18" applyNumberFormat="1" applyFont="1" applyFill="1" applyBorder="1" applyAlignment="1">
      <alignment horizontal="left" vertical="center"/>
    </xf>
    <xf numFmtId="164" fontId="20" fillId="4" borderId="1" xfId="18" applyNumberFormat="1" applyFont="1" applyFill="1" applyBorder="1" applyAlignment="1">
      <alignment horizontal="left" vertical="center"/>
    </xf>
    <xf numFmtId="165" fontId="20" fillId="0" borderId="1" xfId="20" applyNumberFormat="1" applyFont="1" applyFill="1" applyBorder="1" applyAlignment="1">
      <alignment horizontal="left" vertical="center"/>
    </xf>
    <xf numFmtId="165" fontId="20" fillId="4" borderId="1" xfId="20" applyNumberFormat="1" applyFont="1" applyFill="1" applyBorder="1" applyAlignment="1">
      <alignment horizontal="left" vertical="center"/>
    </xf>
    <xf numFmtId="168" fontId="20" fillId="4" borderId="1" xfId="20" applyNumberFormat="1" applyFont="1" applyFill="1" applyBorder="1" applyAlignment="1">
      <alignment horizontal="left" vertical="center"/>
    </xf>
    <xf numFmtId="168" fontId="22" fillId="4" borderId="1" xfId="20" applyNumberFormat="1" applyFont="1" applyFill="1" applyBorder="1" applyAlignment="1">
      <alignment horizontal="left" vertical="center"/>
    </xf>
    <xf numFmtId="164" fontId="20" fillId="0" borderId="1" xfId="20" applyNumberFormat="1" applyFont="1" applyFill="1" applyBorder="1" applyAlignment="1">
      <alignment horizontal="left" vertical="center"/>
    </xf>
    <xf numFmtId="164" fontId="20" fillId="4" borderId="1" xfId="20" applyNumberFormat="1" applyFont="1" applyFill="1" applyBorder="1" applyAlignment="1">
      <alignment horizontal="left" vertical="center"/>
    </xf>
    <xf numFmtId="166" fontId="20" fillId="0" borderId="1" xfId="20" applyNumberFormat="1" applyFont="1" applyFill="1" applyBorder="1" applyAlignment="1">
      <alignment horizontal="left" vertical="center"/>
    </xf>
    <xf numFmtId="165" fontId="20" fillId="0" borderId="1" xfId="17" applyNumberFormat="1" applyFont="1" applyFill="1" applyBorder="1" applyAlignment="1">
      <alignment horizontal="left" vertical="center"/>
    </xf>
    <xf numFmtId="165" fontId="20" fillId="4" borderId="1" xfId="17" applyNumberFormat="1" applyFont="1" applyFill="1" applyBorder="1" applyAlignment="1">
      <alignment horizontal="left" vertical="center"/>
    </xf>
    <xf numFmtId="168" fontId="20" fillId="4" borderId="1" xfId="17" applyNumberFormat="1" applyFont="1" applyFill="1" applyBorder="1" applyAlignment="1">
      <alignment horizontal="left" vertical="center"/>
    </xf>
    <xf numFmtId="168" fontId="22" fillId="4" borderId="1" xfId="17" applyNumberFormat="1" applyFont="1" applyFill="1" applyBorder="1" applyAlignment="1">
      <alignment horizontal="left" vertical="center"/>
    </xf>
    <xf numFmtId="0" fontId="5" fillId="3" borderId="0" xfId="0" applyFont="1" applyFill="1" applyAlignment="1">
      <alignment wrapText="1"/>
    </xf>
    <xf numFmtId="0" fontId="0" fillId="2" borderId="0" xfId="0" applyFill="1"/>
    <xf numFmtId="0" fontId="5" fillId="3" borderId="0" xfId="0" applyFont="1" applyFill="1" applyAlignment="1">
      <alignment horizontal="left" wrapText="1"/>
    </xf>
    <xf numFmtId="0" fontId="29" fillId="2" borderId="0" xfId="0" applyFont="1" applyFill="1"/>
    <xf numFmtId="0" fontId="14" fillId="0" borderId="0" xfId="0" applyFont="1" applyFill="1" applyBorder="1" applyAlignment="1">
      <alignment vertical="top"/>
    </xf>
    <xf numFmtId="0" fontId="0" fillId="0" borderId="0" xfId="0" applyFont="1" applyFill="1"/>
    <xf numFmtId="0" fontId="28" fillId="0" borderId="0" xfId="0" applyFont="1"/>
    <xf numFmtId="0" fontId="15" fillId="0" borderId="0" xfId="5" quotePrefix="1" applyFont="1" applyFill="1" applyBorder="1" applyAlignment="1">
      <alignment vertical="top" wrapText="1"/>
    </xf>
    <xf numFmtId="0" fontId="32" fillId="3" borderId="0" xfId="1" applyFont="1" applyFill="1"/>
    <xf numFmtId="0" fontId="32" fillId="3" borderId="0" xfId="1" quotePrefix="1" applyFont="1" applyFill="1"/>
    <xf numFmtId="0" fontId="15" fillId="0" borderId="0" xfId="3" quotePrefix="1" applyFont="1" applyFill="1" applyBorder="1" applyAlignment="1">
      <alignment horizontal="left" vertical="top" wrapText="1"/>
    </xf>
    <xf numFmtId="0" fontId="24" fillId="0" borderId="0" xfId="17" applyFont="1" applyFill="1" applyBorder="1" applyAlignment="1">
      <alignment horizontal="left" vertical="center" wrapText="1"/>
    </xf>
    <xf numFmtId="165" fontId="20" fillId="0" borderId="0" xfId="13" applyNumberFormat="1" applyFont="1" applyFill="1" applyBorder="1" applyAlignment="1">
      <alignment horizontal="left" vertical="center"/>
    </xf>
    <xf numFmtId="168" fontId="20" fillId="0" borderId="0" xfId="13" applyNumberFormat="1" applyFont="1" applyFill="1" applyBorder="1" applyAlignment="1">
      <alignment horizontal="left" vertical="center"/>
    </xf>
    <xf numFmtId="168" fontId="22" fillId="0" borderId="0" xfId="13" applyNumberFormat="1" applyFont="1" applyFill="1" applyBorder="1" applyAlignment="1">
      <alignment horizontal="left" vertical="center"/>
    </xf>
    <xf numFmtId="165" fontId="20" fillId="0" borderId="0" xfId="0" applyNumberFormat="1" applyFont="1" applyFill="1" applyBorder="1" applyAlignment="1">
      <alignment horizontal="left" vertical="center"/>
    </xf>
    <xf numFmtId="164" fontId="20" fillId="0" borderId="0" xfId="13" applyNumberFormat="1" applyFont="1" applyFill="1" applyBorder="1" applyAlignment="1">
      <alignment horizontal="left" vertical="center"/>
    </xf>
    <xf numFmtId="167" fontId="22" fillId="0" borderId="0" xfId="0" applyNumberFormat="1" applyFont="1" applyFill="1" applyBorder="1" applyAlignment="1">
      <alignment horizontal="left" vertical="center" wrapText="1"/>
    </xf>
    <xf numFmtId="0" fontId="0" fillId="0" borderId="0" xfId="0" applyFill="1"/>
    <xf numFmtId="0" fontId="15" fillId="0" borderId="0" xfId="4" quotePrefix="1" applyFont="1" applyFill="1" applyBorder="1" applyAlignment="1">
      <alignment vertical="top" wrapText="1"/>
    </xf>
    <xf numFmtId="165" fontId="20" fillId="0" borderId="0" xfId="10" applyNumberFormat="1" applyFont="1" applyFill="1" applyBorder="1" applyAlignment="1">
      <alignment horizontal="left" vertical="center"/>
    </xf>
    <xf numFmtId="164" fontId="20" fillId="0" borderId="0" xfId="10" applyNumberFormat="1" applyFont="1" applyFill="1" applyBorder="1" applyAlignment="1">
      <alignment horizontal="left" vertical="center"/>
    </xf>
    <xf numFmtId="0" fontId="0" fillId="0" borderId="0" xfId="0" applyFill="1" applyBorder="1"/>
    <xf numFmtId="0" fontId="15" fillId="0" borderId="0" xfId="3" quotePrefix="1" applyFont="1" applyFill="1" applyBorder="1" applyAlignment="1">
      <alignment vertical="top" wrapText="1"/>
    </xf>
    <xf numFmtId="167" fontId="19" fillId="7" borderId="3" xfId="29" applyNumberFormat="1" applyFont="1" applyFill="1" applyBorder="1" applyAlignment="1">
      <alignment horizontal="left" vertical="top" wrapText="1"/>
    </xf>
    <xf numFmtId="165" fontId="20" fillId="0" borderId="0" xfId="18" applyNumberFormat="1" applyFont="1" applyFill="1" applyBorder="1" applyAlignment="1">
      <alignment horizontal="left" vertical="center"/>
    </xf>
    <xf numFmtId="168" fontId="20" fillId="0" borderId="0" xfId="18" applyNumberFormat="1" applyFont="1" applyFill="1" applyBorder="1" applyAlignment="1">
      <alignment horizontal="left" vertical="center"/>
    </xf>
    <xf numFmtId="168" fontId="22" fillId="0" borderId="0" xfId="18" applyNumberFormat="1" applyFont="1" applyFill="1" applyBorder="1" applyAlignment="1">
      <alignment horizontal="left" vertical="center"/>
    </xf>
    <xf numFmtId="0" fontId="3" fillId="3" borderId="0" xfId="1" applyFill="1" applyAlignment="1">
      <alignment horizontal="left"/>
    </xf>
    <xf numFmtId="0" fontId="15" fillId="0" borderId="0" xfId="5" quotePrefix="1" applyFont="1" applyFill="1" applyBorder="1" applyAlignment="1">
      <alignment vertical="top" wrapText="1"/>
    </xf>
    <xf numFmtId="0" fontId="19" fillId="6" borderId="1" xfId="29" applyFont="1" applyFill="1" applyBorder="1" applyAlignment="1">
      <alignment horizontal="left" vertical="top" wrapText="1"/>
    </xf>
    <xf numFmtId="0" fontId="22" fillId="6" borderId="1" xfId="15" applyFont="1" applyFill="1" applyBorder="1" applyAlignment="1">
      <alignment horizontal="left" vertical="top" wrapText="1"/>
    </xf>
    <xf numFmtId="0" fontId="19" fillId="7" borderId="1" xfId="29" applyFont="1" applyFill="1" applyBorder="1" applyAlignment="1">
      <alignment horizontal="left" vertical="top" wrapText="1"/>
    </xf>
    <xf numFmtId="0" fontId="22" fillId="7" borderId="1" xfId="15" applyFont="1" applyFill="1" applyBorder="1" applyAlignment="1">
      <alignment horizontal="left" vertical="top" wrapText="1"/>
    </xf>
    <xf numFmtId="168" fontId="21" fillId="7" borderId="1" xfId="15" applyNumberFormat="1" applyFont="1" applyFill="1" applyBorder="1" applyAlignment="1">
      <alignment horizontal="left" vertical="top" wrapText="1"/>
    </xf>
    <xf numFmtId="167" fontId="22" fillId="7" borderId="3" xfId="15" applyNumberFormat="1" applyFont="1" applyFill="1" applyBorder="1" applyAlignment="1">
      <alignment horizontal="left" vertical="top" wrapText="1"/>
    </xf>
    <xf numFmtId="167" fontId="22" fillId="0" borderId="3" xfId="0" applyNumberFormat="1" applyFont="1" applyFill="1" applyBorder="1" applyAlignment="1">
      <alignment horizontal="left" vertical="center" wrapText="1"/>
    </xf>
    <xf numFmtId="167" fontId="22" fillId="4" borderId="3" xfId="0" applyNumberFormat="1" applyFont="1" applyFill="1" applyBorder="1" applyAlignment="1">
      <alignment horizontal="left" vertical="center" wrapText="1"/>
    </xf>
    <xf numFmtId="167" fontId="18" fillId="7" borderId="1" xfId="29" applyNumberFormat="1" applyFont="1" applyFill="1" applyBorder="1" applyAlignment="1">
      <alignment horizontal="left" vertical="top" wrapText="1"/>
    </xf>
    <xf numFmtId="167" fontId="21" fillId="7" borderId="1" xfId="15" applyNumberFormat="1" applyFont="1" applyFill="1" applyBorder="1" applyAlignment="1">
      <alignment horizontal="left" vertical="top" wrapText="1"/>
    </xf>
    <xf numFmtId="0" fontId="15" fillId="0" borderId="0" xfId="3" quotePrefix="1" applyFont="1" applyFill="1" applyBorder="1" applyAlignment="1">
      <alignment vertical="top" wrapText="1"/>
    </xf>
    <xf numFmtId="0" fontId="0" fillId="0" borderId="0" xfId="0" applyAlignment="1">
      <alignment horizontal="center"/>
    </xf>
    <xf numFmtId="167" fontId="22" fillId="0" borderId="1" xfId="15" applyNumberFormat="1" applyFont="1" applyFill="1" applyBorder="1" applyAlignment="1">
      <alignment horizontal="left" vertical="center"/>
    </xf>
    <xf numFmtId="167" fontId="22" fillId="4" borderId="1" xfId="15" applyNumberFormat="1" applyFont="1" applyFill="1" applyBorder="1" applyAlignment="1">
      <alignment horizontal="left" vertical="center"/>
    </xf>
    <xf numFmtId="167" fontId="20" fillId="0" borderId="1" xfId="22" applyNumberFormat="1" applyFont="1" applyFill="1" applyBorder="1" applyAlignment="1">
      <alignment horizontal="left" vertical="center"/>
    </xf>
    <xf numFmtId="167" fontId="22" fillId="0" borderId="1" xfId="22" applyNumberFormat="1" applyFont="1" applyFill="1" applyBorder="1" applyAlignment="1">
      <alignment horizontal="left" vertical="center"/>
    </xf>
    <xf numFmtId="167" fontId="20" fillId="4" borderId="1" xfId="22" applyNumberFormat="1" applyFont="1" applyFill="1" applyBorder="1" applyAlignment="1">
      <alignment horizontal="left" vertical="center"/>
    </xf>
    <xf numFmtId="167" fontId="22" fillId="4" borderId="1" xfId="22" applyNumberFormat="1" applyFont="1" applyFill="1" applyBorder="1" applyAlignment="1">
      <alignment horizontal="left" vertical="center"/>
    </xf>
    <xf numFmtId="167" fontId="20" fillId="0" borderId="1" xfId="24" applyNumberFormat="1" applyFont="1" applyFill="1" applyBorder="1" applyAlignment="1">
      <alignment horizontal="left" vertical="center"/>
    </xf>
    <xf numFmtId="167" fontId="20" fillId="0" borderId="1" xfId="29" applyNumberFormat="1" applyFont="1" applyFill="1" applyBorder="1" applyAlignment="1">
      <alignment horizontal="left" vertical="center"/>
    </xf>
    <xf numFmtId="167" fontId="20" fillId="4" borderId="1" xfId="29" applyNumberFormat="1" applyFont="1" applyFill="1" applyBorder="1" applyAlignment="1">
      <alignment horizontal="left" vertical="center"/>
    </xf>
    <xf numFmtId="167" fontId="20" fillId="0" borderId="1" xfId="31" applyNumberFormat="1" applyFont="1" applyFill="1" applyBorder="1" applyAlignment="1">
      <alignment horizontal="left" vertical="center"/>
    </xf>
    <xf numFmtId="167" fontId="22" fillId="0" borderId="1" xfId="33" applyNumberFormat="1" applyFont="1" applyFill="1" applyBorder="1" applyAlignment="1">
      <alignment horizontal="left" vertical="center"/>
    </xf>
    <xf numFmtId="167" fontId="20" fillId="0" borderId="1" xfId="33" applyNumberFormat="1" applyFont="1" applyFill="1" applyBorder="1" applyAlignment="1">
      <alignment horizontal="left" vertical="center"/>
    </xf>
    <xf numFmtId="167" fontId="20" fillId="4" borderId="1" xfId="31" applyNumberFormat="1" applyFont="1" applyFill="1" applyBorder="1" applyAlignment="1">
      <alignment horizontal="left" vertical="center"/>
    </xf>
    <xf numFmtId="167" fontId="22" fillId="4" borderId="1" xfId="33" applyNumberFormat="1" applyFont="1" applyFill="1" applyBorder="1" applyAlignment="1">
      <alignment horizontal="left" vertical="center"/>
    </xf>
    <xf numFmtId="167" fontId="20" fillId="4" borderId="1" xfId="33" applyNumberFormat="1" applyFont="1" applyFill="1" applyBorder="1" applyAlignment="1">
      <alignment horizontal="left" vertical="center"/>
    </xf>
    <xf numFmtId="167" fontId="22" fillId="0" borderId="1" xfId="24" applyNumberFormat="1" applyFont="1" applyFill="1" applyBorder="1" applyAlignment="1">
      <alignment horizontal="left" vertical="center"/>
    </xf>
    <xf numFmtId="167" fontId="20" fillId="0" borderId="1" xfId="30" applyNumberFormat="1" applyFont="1" applyFill="1" applyBorder="1" applyAlignment="1">
      <alignment horizontal="left" vertical="center"/>
    </xf>
    <xf numFmtId="167" fontId="22" fillId="0" borderId="1" xfId="30" applyNumberFormat="1" applyFont="1" applyFill="1" applyBorder="1" applyAlignment="1">
      <alignment horizontal="left" vertical="center"/>
    </xf>
    <xf numFmtId="167" fontId="20" fillId="4" borderId="1" xfId="30" applyNumberFormat="1" applyFont="1" applyFill="1" applyBorder="1" applyAlignment="1">
      <alignment horizontal="left" vertical="center"/>
    </xf>
    <xf numFmtId="167" fontId="22" fillId="4" borderId="1" xfId="30" applyNumberFormat="1" applyFont="1" applyFill="1" applyBorder="1" applyAlignment="1">
      <alignment horizontal="left" vertical="center"/>
    </xf>
    <xf numFmtId="167" fontId="20" fillId="0" borderId="1" xfId="25" applyNumberFormat="1" applyFont="1" applyFill="1" applyBorder="1" applyAlignment="1">
      <alignment horizontal="left" vertical="center"/>
    </xf>
    <xf numFmtId="167" fontId="22" fillId="0" borderId="1" xfId="25" applyNumberFormat="1" applyFont="1" applyFill="1" applyBorder="1" applyAlignment="1">
      <alignment horizontal="left" vertical="center"/>
    </xf>
    <xf numFmtId="0" fontId="14" fillId="4" borderId="0" xfId="0" applyFont="1" applyFill="1" applyBorder="1" applyAlignment="1">
      <alignment vertical="top"/>
    </xf>
    <xf numFmtId="0" fontId="15" fillId="0" borderId="0" xfId="4" quotePrefix="1" applyFont="1" applyFill="1" applyBorder="1" applyAlignment="1">
      <alignment vertical="top" wrapText="1"/>
    </xf>
    <xf numFmtId="0" fontId="15" fillId="0" borderId="0" xfId="3" quotePrefix="1" applyFont="1" applyFill="1" applyBorder="1" applyAlignment="1">
      <alignment horizontal="left" vertical="top" wrapText="1"/>
    </xf>
    <xf numFmtId="0" fontId="16" fillId="5" borderId="6" xfId="29" quotePrefix="1" applyFont="1" applyFill="1" applyBorder="1" applyAlignment="1">
      <alignment vertical="top" wrapText="1"/>
    </xf>
    <xf numFmtId="0" fontId="16" fillId="5" borderId="2" xfId="29" quotePrefix="1" applyFont="1" applyFill="1" applyBorder="1" applyAlignment="1">
      <alignment vertical="top" wrapText="1"/>
    </xf>
    <xf numFmtId="0" fontId="0" fillId="0" borderId="0" xfId="0" applyAlignment="1"/>
    <xf numFmtId="0" fontId="0" fillId="0" borderId="0" xfId="0" applyFill="1" applyAlignment="1"/>
    <xf numFmtId="0" fontId="16" fillId="5" borderId="6" xfId="23" applyFont="1" applyFill="1" applyBorder="1" applyAlignment="1">
      <alignment vertical="top" wrapText="1"/>
    </xf>
    <xf numFmtId="0" fontId="16" fillId="5" borderId="1" xfId="23" applyFont="1" applyFill="1" applyBorder="1" applyAlignment="1">
      <alignment horizontal="left" vertical="top"/>
    </xf>
    <xf numFmtId="0" fontId="5" fillId="2" borderId="0" xfId="0" applyFont="1" applyFill="1" applyAlignment="1">
      <alignment wrapText="1"/>
    </xf>
    <xf numFmtId="0" fontId="16" fillId="5" borderId="1" xfId="29" quotePrefix="1" applyFont="1" applyFill="1" applyBorder="1" applyAlignment="1">
      <alignment horizontal="left" vertical="top" wrapText="1"/>
    </xf>
    <xf numFmtId="0" fontId="33" fillId="3" borderId="0" xfId="0" applyFont="1" applyFill="1" applyAlignment="1">
      <alignment horizontal="left" wrapText="1"/>
    </xf>
    <xf numFmtId="0" fontId="27" fillId="3" borderId="0" xfId="0" applyFont="1" applyFill="1" applyAlignment="1">
      <alignment horizontal="left" wrapText="1"/>
    </xf>
    <xf numFmtId="0" fontId="26" fillId="3" borderId="0" xfId="0" applyFont="1" applyFill="1" applyAlignment="1">
      <alignment horizontal="left" wrapText="1"/>
    </xf>
    <xf numFmtId="0" fontId="26" fillId="3" borderId="0" xfId="0" applyFont="1" applyFill="1" applyAlignment="1">
      <alignment wrapText="1"/>
    </xf>
    <xf numFmtId="0" fontId="27" fillId="3" borderId="0" xfId="0" applyFont="1" applyFill="1" applyAlignment="1">
      <alignment wrapText="1"/>
    </xf>
    <xf numFmtId="0" fontId="16" fillId="5" borderId="1" xfId="29" quotePrefix="1" applyFont="1" applyFill="1" applyBorder="1" applyAlignment="1">
      <alignment horizontal="left" vertical="top" wrapText="1"/>
    </xf>
    <xf numFmtId="0" fontId="27" fillId="3" borderId="0" xfId="0" applyFont="1" applyFill="1" applyAlignment="1">
      <alignment vertical="top" wrapText="1"/>
    </xf>
    <xf numFmtId="0" fontId="26" fillId="3" borderId="0" xfId="0" applyFont="1" applyFill="1" applyAlignment="1">
      <alignment vertical="top" wrapText="1"/>
    </xf>
    <xf numFmtId="0" fontId="26" fillId="3" borderId="0" xfId="0" applyFont="1" applyFill="1" applyBorder="1" applyAlignment="1">
      <alignment vertical="top" wrapText="1"/>
    </xf>
    <xf numFmtId="0" fontId="27" fillId="3" borderId="0" xfId="0" applyFont="1" applyFill="1" applyBorder="1" applyAlignment="1">
      <alignment vertical="top" wrapText="1"/>
    </xf>
    <xf numFmtId="0" fontId="27" fillId="3" borderId="0" xfId="0" applyFont="1" applyFill="1" applyAlignment="1">
      <alignment vertical="center" wrapText="1"/>
    </xf>
    <xf numFmtId="0" fontId="26" fillId="3" borderId="0" xfId="0" applyFont="1" applyFill="1" applyBorder="1" applyAlignment="1">
      <alignment wrapText="1"/>
    </xf>
    <xf numFmtId="0" fontId="27" fillId="3" borderId="0" xfId="0" applyFont="1" applyFill="1" applyBorder="1" applyAlignment="1">
      <alignment wrapText="1"/>
    </xf>
    <xf numFmtId="0" fontId="26" fillId="3" borderId="0" xfId="0" applyFont="1" applyFill="1" applyAlignment="1">
      <alignment vertical="center" wrapText="1"/>
    </xf>
    <xf numFmtId="0" fontId="27" fillId="2" borderId="0" xfId="0" applyFont="1" applyFill="1" applyAlignment="1">
      <alignment wrapText="1"/>
    </xf>
    <xf numFmtId="0" fontId="16" fillId="5" borderId="6" xfId="23" applyFont="1" applyFill="1" applyBorder="1" applyAlignment="1">
      <alignment vertical="top" wrapText="1"/>
    </xf>
    <xf numFmtId="0" fontId="15" fillId="0" borderId="0" xfId="3" quotePrefix="1" applyFont="1" applyAlignment="1">
      <alignment vertical="top" wrapText="1"/>
    </xf>
    <xf numFmtId="165" fontId="20" fillId="0" borderId="1" xfId="32" applyNumberFormat="1" applyFont="1" applyBorder="1" applyAlignment="1">
      <alignment horizontal="left" vertical="center"/>
    </xf>
    <xf numFmtId="168" fontId="20" fillId="0" borderId="1" xfId="25" applyNumberFormat="1" applyFont="1" applyBorder="1" applyAlignment="1">
      <alignment horizontal="left" vertical="center"/>
    </xf>
    <xf numFmtId="168" fontId="22" fillId="0" borderId="1" xfId="25" applyNumberFormat="1" applyFont="1" applyBorder="1" applyAlignment="1">
      <alignment horizontal="left" vertical="center"/>
    </xf>
    <xf numFmtId="164" fontId="20" fillId="0" borderId="1" xfId="32" applyNumberFormat="1" applyFont="1" applyBorder="1" applyAlignment="1">
      <alignment horizontal="left" vertical="center"/>
    </xf>
    <xf numFmtId="167" fontId="22" fillId="0" borderId="1" xfId="0" applyNumberFormat="1" applyFont="1" applyBorder="1" applyAlignment="1">
      <alignment horizontal="left" vertical="center" wrapText="1"/>
    </xf>
    <xf numFmtId="0" fontId="20" fillId="0" borderId="1" xfId="24" applyFont="1" applyBorder="1" applyAlignment="1">
      <alignment horizontal="left" vertical="center" wrapText="1"/>
    </xf>
    <xf numFmtId="165" fontId="20" fillId="0" borderId="1" xfId="24" applyNumberFormat="1" applyFont="1" applyBorder="1" applyAlignment="1">
      <alignment horizontal="left" vertical="center"/>
    </xf>
    <xf numFmtId="165" fontId="20" fillId="0" borderId="1" xfId="19" applyNumberFormat="1" applyFont="1" applyBorder="1" applyAlignment="1">
      <alignment horizontal="left" vertical="center"/>
    </xf>
    <xf numFmtId="165" fontId="20" fillId="0" borderId="1" xfId="20" applyNumberFormat="1" applyFont="1" applyBorder="1" applyAlignment="1">
      <alignment horizontal="left" vertical="center"/>
    </xf>
    <xf numFmtId="164" fontId="20" fillId="0" borderId="1" xfId="20" applyNumberFormat="1" applyFont="1" applyBorder="1" applyAlignment="1">
      <alignment horizontal="left" vertical="center"/>
    </xf>
    <xf numFmtId="0" fontId="0" fillId="3" borderId="0" xfId="0" quotePrefix="1" applyFill="1"/>
    <xf numFmtId="0" fontId="0" fillId="3" borderId="0" xfId="0" applyFill="1"/>
    <xf numFmtId="0" fontId="8" fillId="3" borderId="0" xfId="0" applyFont="1" applyFill="1" applyAlignment="1">
      <alignment horizontal="left"/>
    </xf>
    <xf numFmtId="0" fontId="8" fillId="3" borderId="0" xfId="0" applyFont="1" applyFill="1"/>
    <xf numFmtId="0" fontId="7" fillId="2" borderId="0" xfId="0" applyFont="1" applyFill="1" applyAlignment="1">
      <alignment horizontal="center"/>
    </xf>
    <xf numFmtId="0" fontId="8" fillId="2" borderId="0" xfId="0" applyFont="1" applyFill="1" applyAlignment="1">
      <alignment horizontal="center"/>
    </xf>
    <xf numFmtId="0" fontId="0" fillId="3" borderId="0" xfId="0" quotePrefix="1" applyFill="1"/>
    <xf numFmtId="0" fontId="0" fillId="3" borderId="0" xfId="0" applyFill="1"/>
    <xf numFmtId="1" fontId="32" fillId="3" borderId="0" xfId="1" applyNumberFormat="1" applyFont="1" applyFill="1" applyAlignment="1">
      <alignment horizontal="left"/>
    </xf>
    <xf numFmtId="0" fontId="8" fillId="3" borderId="0" xfId="0" applyFont="1" applyFill="1" applyAlignment="1">
      <alignment horizontal="left"/>
    </xf>
    <xf numFmtId="0" fontId="13" fillId="3" borderId="0" xfId="0" applyFont="1" applyFill="1" applyAlignment="1">
      <alignment horizontal="left"/>
    </xf>
    <xf numFmtId="0" fontId="3" fillId="3" borderId="0" xfId="1" applyFill="1" applyAlignment="1">
      <alignment horizontal="left"/>
    </xf>
    <xf numFmtId="0" fontId="32" fillId="3" borderId="0" xfId="1" applyFont="1" applyFill="1" applyAlignment="1">
      <alignment horizontal="left"/>
    </xf>
    <xf numFmtId="0" fontId="14" fillId="4" borderId="0" xfId="0" applyFont="1" applyFill="1" applyBorder="1" applyAlignment="1">
      <alignment vertical="top"/>
    </xf>
    <xf numFmtId="0" fontId="15" fillId="0" borderId="2" xfId="5" quotePrefix="1" applyFont="1" applyBorder="1" applyAlignment="1">
      <alignment vertical="top" wrapText="1"/>
    </xf>
    <xf numFmtId="0" fontId="14" fillId="4" borderId="0" xfId="0" applyFont="1" applyFill="1" applyBorder="1" applyAlignment="1">
      <alignment horizontal="left" vertical="top"/>
    </xf>
    <xf numFmtId="0" fontId="15" fillId="0" borderId="2" xfId="5" quotePrefix="1" applyFont="1" applyBorder="1" applyAlignment="1">
      <alignment horizontal="left" vertical="top" wrapText="1"/>
    </xf>
    <xf numFmtId="0" fontId="16" fillId="5" borderId="1" xfId="23" applyFont="1" applyFill="1" applyBorder="1" applyAlignment="1">
      <alignment horizontal="left" vertical="top" wrapText="1"/>
    </xf>
    <xf numFmtId="0" fontId="16" fillId="5" borderId="3" xfId="0" applyFont="1" applyFill="1" applyBorder="1" applyAlignment="1">
      <alignment horizontal="left" vertical="top"/>
    </xf>
    <xf numFmtId="0" fontId="16" fillId="5" borderId="4" xfId="0" applyFont="1" applyFill="1" applyBorder="1" applyAlignment="1">
      <alignment horizontal="left" vertical="top"/>
    </xf>
    <xf numFmtId="0" fontId="16" fillId="5" borderId="5" xfId="0" applyFont="1" applyFill="1" applyBorder="1" applyAlignment="1">
      <alignment horizontal="left" vertical="top"/>
    </xf>
    <xf numFmtId="0" fontId="16" fillId="5" borderId="3" xfId="29" quotePrefix="1" applyFont="1" applyFill="1" applyBorder="1" applyAlignment="1">
      <alignment horizontal="left" vertical="top" wrapText="1"/>
    </xf>
    <xf numFmtId="0" fontId="16" fillId="5" borderId="4" xfId="29" quotePrefix="1" applyFont="1" applyFill="1" applyBorder="1" applyAlignment="1">
      <alignment horizontal="left" vertical="top" wrapText="1"/>
    </xf>
    <xf numFmtId="0" fontId="16" fillId="5" borderId="5" xfId="29" quotePrefix="1" applyFont="1" applyFill="1" applyBorder="1" applyAlignment="1">
      <alignment horizontal="left" vertical="top" wrapText="1"/>
    </xf>
    <xf numFmtId="0" fontId="15" fillId="0" borderId="0" xfId="29" applyFont="1" applyFill="1" applyBorder="1" applyAlignment="1">
      <alignment horizontal="left" vertical="top" wrapText="1"/>
    </xf>
    <xf numFmtId="0" fontId="15" fillId="0" borderId="0" xfId="29" quotePrefix="1" applyFont="1" applyFill="1" applyBorder="1" applyAlignment="1">
      <alignment horizontal="left" vertical="top" wrapText="1"/>
    </xf>
    <xf numFmtId="0" fontId="15" fillId="0" borderId="2" xfId="29" quotePrefix="1" applyFont="1" applyBorder="1" applyAlignment="1">
      <alignment horizontal="left" vertical="top" wrapText="1"/>
    </xf>
    <xf numFmtId="0" fontId="16" fillId="5" borderId="3" xfId="29" quotePrefix="1" applyFont="1" applyFill="1" applyBorder="1" applyAlignment="1">
      <alignment vertical="top" wrapText="1"/>
    </xf>
    <xf numFmtId="0" fontId="16" fillId="5" borderId="4" xfId="29" quotePrefix="1" applyFont="1" applyFill="1" applyBorder="1" applyAlignment="1">
      <alignment vertical="top" wrapText="1"/>
    </xf>
    <xf numFmtId="0" fontId="16" fillId="5" borderId="5" xfId="29" quotePrefix="1" applyFont="1" applyFill="1" applyBorder="1" applyAlignment="1">
      <alignment vertical="top" wrapText="1"/>
    </xf>
    <xf numFmtId="0" fontId="16" fillId="5" borderId="6" xfId="29" quotePrefix="1" applyFont="1" applyFill="1" applyBorder="1" applyAlignment="1">
      <alignment horizontal="left" vertical="top" wrapText="1"/>
    </xf>
    <xf numFmtId="0" fontId="16" fillId="5" borderId="2" xfId="29" quotePrefix="1" applyFont="1" applyFill="1" applyBorder="1" applyAlignment="1">
      <alignment horizontal="left" vertical="top" wrapText="1"/>
    </xf>
    <xf numFmtId="0" fontId="16" fillId="5" borderId="6" xfId="0" applyFont="1" applyFill="1" applyBorder="1" applyAlignment="1">
      <alignment horizontal="left" vertical="top" wrapText="1"/>
    </xf>
    <xf numFmtId="0" fontId="16" fillId="5" borderId="2" xfId="0" applyFont="1" applyFill="1" applyBorder="1" applyAlignment="1">
      <alignment horizontal="left" vertical="top" wrapText="1"/>
    </xf>
    <xf numFmtId="0" fontId="15" fillId="0" borderId="0" xfId="5" quotePrefix="1" applyFont="1" applyFill="1" applyBorder="1" applyAlignment="1">
      <alignment horizontal="left" vertical="top" wrapText="1"/>
    </xf>
    <xf numFmtId="0" fontId="16" fillId="5" borderId="3" xfId="6" applyFont="1" applyFill="1" applyBorder="1" applyAlignment="1">
      <alignment vertical="top" wrapText="1"/>
    </xf>
    <xf numFmtId="0" fontId="16" fillId="5" borderId="4" xfId="6" applyFont="1" applyFill="1" applyBorder="1" applyAlignment="1">
      <alignment vertical="top" wrapText="1"/>
    </xf>
    <xf numFmtId="0" fontId="16" fillId="5" borderId="5" xfId="6" applyFont="1" applyFill="1" applyBorder="1" applyAlignment="1">
      <alignment vertical="top" wrapText="1"/>
    </xf>
    <xf numFmtId="0" fontId="16" fillId="5" borderId="6" xfId="26" applyFont="1" applyFill="1" applyBorder="1" applyAlignment="1">
      <alignment vertical="top" wrapText="1"/>
    </xf>
    <xf numFmtId="0" fontId="16" fillId="5" borderId="2" xfId="26" applyFont="1" applyFill="1" applyBorder="1" applyAlignment="1">
      <alignment vertical="top" wrapText="1"/>
    </xf>
    <xf numFmtId="0" fontId="16" fillId="5" borderId="7" xfId="26" applyFont="1" applyFill="1" applyBorder="1" applyAlignment="1">
      <alignment vertical="top" wrapText="1"/>
    </xf>
    <xf numFmtId="0" fontId="15" fillId="0" borderId="2" xfId="26" applyFont="1" applyBorder="1" applyAlignment="1">
      <alignment horizontal="left" vertical="top" wrapText="1"/>
    </xf>
    <xf numFmtId="0" fontId="16" fillId="5" borderId="6" xfId="6" applyFont="1" applyFill="1" applyBorder="1" applyAlignment="1">
      <alignment horizontal="left" vertical="top" wrapText="1"/>
    </xf>
    <xf numFmtId="0" fontId="16" fillId="5" borderId="2" xfId="6" applyFont="1" applyFill="1" applyBorder="1" applyAlignment="1">
      <alignment horizontal="left" vertical="top" wrapText="1"/>
    </xf>
    <xf numFmtId="0" fontId="16" fillId="5" borderId="6" xfId="26" applyFont="1" applyFill="1" applyBorder="1" applyAlignment="1">
      <alignment horizontal="left" vertical="top" wrapText="1"/>
    </xf>
    <xf numFmtId="0" fontId="16" fillId="5" borderId="2" xfId="26" applyFont="1" applyFill="1" applyBorder="1" applyAlignment="1">
      <alignment horizontal="left" vertical="top" wrapText="1"/>
    </xf>
    <xf numFmtId="0" fontId="16" fillId="5" borderId="7" xfId="26" applyFont="1" applyFill="1" applyBorder="1" applyAlignment="1">
      <alignment horizontal="left" vertical="top" wrapText="1"/>
    </xf>
    <xf numFmtId="0" fontId="16" fillId="5" borderId="3" xfId="26" applyFont="1" applyFill="1" applyBorder="1" applyAlignment="1">
      <alignment horizontal="left" vertical="top" wrapText="1"/>
    </xf>
    <xf numFmtId="0" fontId="16" fillId="5" borderId="4" xfId="26" applyFont="1" applyFill="1" applyBorder="1" applyAlignment="1">
      <alignment horizontal="left" vertical="top"/>
    </xf>
    <xf numFmtId="0" fontId="16" fillId="5" borderId="5" xfId="26" applyFont="1" applyFill="1" applyBorder="1" applyAlignment="1">
      <alignment horizontal="left" vertical="top"/>
    </xf>
    <xf numFmtId="0" fontId="15" fillId="0" borderId="0" xfId="2" applyFont="1" applyFill="1" applyBorder="1" applyAlignment="1">
      <alignment horizontal="left" vertical="top" wrapText="1"/>
    </xf>
    <xf numFmtId="0" fontId="15" fillId="0" borderId="0" xfId="2" quotePrefix="1" applyFont="1" applyFill="1" applyBorder="1" applyAlignment="1">
      <alignment horizontal="left" vertical="top" wrapText="1"/>
    </xf>
    <xf numFmtId="0" fontId="16" fillId="5" borderId="1" xfId="26" quotePrefix="1" applyFont="1" applyFill="1" applyBorder="1" applyAlignment="1">
      <alignment horizontal="left" vertical="top" wrapText="1"/>
    </xf>
    <xf numFmtId="0" fontId="16" fillId="5" borderId="1" xfId="26" applyFont="1" applyFill="1" applyBorder="1" applyAlignment="1">
      <alignment horizontal="left" vertical="top" wrapText="1"/>
    </xf>
    <xf numFmtId="0" fontId="15" fillId="0" borderId="0" xfId="29" quotePrefix="1" applyFont="1" applyAlignment="1">
      <alignment horizontal="left" vertical="top" wrapText="1"/>
    </xf>
    <xf numFmtId="167" fontId="14" fillId="4" borderId="0" xfId="0" applyNumberFormat="1" applyFont="1" applyFill="1" applyBorder="1" applyAlignment="1">
      <alignment horizontal="left" vertical="top"/>
    </xf>
    <xf numFmtId="0" fontId="16" fillId="5" borderId="6" xfId="5" applyFont="1" applyFill="1" applyBorder="1" applyAlignment="1">
      <alignment vertical="top" wrapText="1"/>
    </xf>
    <xf numFmtId="0" fontId="16" fillId="5" borderId="2" xfId="5" applyFont="1" applyFill="1" applyBorder="1" applyAlignment="1">
      <alignment vertical="top" wrapText="1"/>
    </xf>
    <xf numFmtId="0" fontId="16" fillId="5" borderId="3" xfId="5" applyFont="1" applyFill="1" applyBorder="1" applyAlignment="1">
      <alignment vertical="top" wrapText="1"/>
    </xf>
    <xf numFmtId="0" fontId="16" fillId="5" borderId="4" xfId="5" applyFont="1" applyFill="1" applyBorder="1" applyAlignment="1">
      <alignment vertical="top" wrapText="1"/>
    </xf>
    <xf numFmtId="0" fontId="16" fillId="5" borderId="5" xfId="5" applyFont="1" applyFill="1" applyBorder="1" applyAlignment="1">
      <alignment vertical="top" wrapText="1"/>
    </xf>
    <xf numFmtId="0" fontId="16" fillId="5" borderId="2" xfId="26" applyFont="1" applyFill="1" applyBorder="1" applyAlignment="1">
      <alignment horizontal="left" vertical="top"/>
    </xf>
    <xf numFmtId="0" fontId="15" fillId="0" borderId="0" xfId="5" quotePrefix="1" applyFont="1" applyAlignment="1">
      <alignment horizontal="left" vertical="top" wrapText="1"/>
    </xf>
    <xf numFmtId="0" fontId="16" fillId="5" borderId="3" xfId="26" applyFont="1" applyFill="1" applyBorder="1" applyAlignment="1">
      <alignment horizontal="left" vertical="top"/>
    </xf>
    <xf numFmtId="0" fontId="15" fillId="0" borderId="0" xfId="2" quotePrefix="1" applyFont="1" applyAlignment="1">
      <alignment horizontal="left" vertical="top" wrapText="1"/>
    </xf>
    <xf numFmtId="0" fontId="16" fillId="5" borderId="3" xfId="28" applyFont="1" applyFill="1" applyBorder="1" applyAlignment="1">
      <alignment vertical="top" wrapText="1"/>
    </xf>
    <xf numFmtId="0" fontId="16" fillId="5" borderId="4" xfId="28" applyFont="1" applyFill="1" applyBorder="1" applyAlignment="1">
      <alignment vertical="top" wrapText="1"/>
    </xf>
    <xf numFmtId="0" fontId="30" fillId="0" borderId="2" xfId="2" quotePrefix="1" applyFont="1" applyBorder="1" applyAlignment="1">
      <alignment horizontal="left" vertical="top" wrapText="1"/>
    </xf>
    <xf numFmtId="0" fontId="15" fillId="0" borderId="0" xfId="2" applyFont="1" applyAlignment="1">
      <alignment horizontal="left" vertical="top" wrapText="1"/>
    </xf>
    <xf numFmtId="0" fontId="15" fillId="0" borderId="0" xfId="4" quotePrefix="1" applyFont="1" applyFill="1" applyBorder="1" applyAlignment="1">
      <alignment horizontal="left" vertical="top" wrapText="1"/>
    </xf>
    <xf numFmtId="0" fontId="16" fillId="5" borderId="3" xfId="23" applyFont="1" applyFill="1" applyBorder="1" applyAlignment="1">
      <alignment horizontal="left" vertical="top" wrapText="1"/>
    </xf>
    <xf numFmtId="0" fontId="16" fillId="5" borderId="4" xfId="23" applyFont="1" applyFill="1" applyBorder="1" applyAlignment="1">
      <alignment horizontal="left" vertical="top" wrapText="1"/>
    </xf>
    <xf numFmtId="0" fontId="16" fillId="5" borderId="5" xfId="23" applyFont="1" applyFill="1" applyBorder="1" applyAlignment="1">
      <alignment horizontal="left" vertical="top" wrapText="1"/>
    </xf>
    <xf numFmtId="0" fontId="15" fillId="0" borderId="2" xfId="5" quotePrefix="1" applyFont="1" applyFill="1" applyBorder="1" applyAlignment="1">
      <alignment horizontal="left" vertical="top" wrapText="1"/>
    </xf>
    <xf numFmtId="0" fontId="16" fillId="5" borderId="1" xfId="0" applyFont="1" applyFill="1" applyBorder="1" applyAlignment="1">
      <alignment horizontal="left" vertical="top" wrapText="1"/>
    </xf>
    <xf numFmtId="0" fontId="16" fillId="5" borderId="1" xfId="0" applyFont="1" applyFill="1" applyBorder="1" applyAlignment="1">
      <alignment horizontal="left" vertical="top"/>
    </xf>
    <xf numFmtId="0" fontId="16" fillId="5" borderId="6" xfId="23" applyFont="1" applyFill="1" applyBorder="1" applyAlignment="1">
      <alignment horizontal="left" vertical="top" wrapText="1"/>
    </xf>
    <xf numFmtId="0" fontId="16" fillId="5" borderId="2" xfId="23" applyFont="1" applyFill="1" applyBorder="1" applyAlignment="1">
      <alignment horizontal="left" vertical="top" wrapText="1"/>
    </xf>
    <xf numFmtId="0" fontId="16" fillId="5" borderId="3" xfId="23" applyFont="1" applyFill="1" applyBorder="1" applyAlignment="1">
      <alignment vertical="top" wrapText="1"/>
    </xf>
    <xf numFmtId="0" fontId="16" fillId="5" borderId="4" xfId="23" applyFont="1" applyFill="1" applyBorder="1" applyAlignment="1">
      <alignment vertical="top" wrapText="1"/>
    </xf>
    <xf numFmtId="0" fontId="16" fillId="5" borderId="5" xfId="23" applyFont="1" applyFill="1" applyBorder="1" applyAlignment="1">
      <alignment vertical="top" wrapText="1"/>
    </xf>
    <xf numFmtId="0" fontId="16" fillId="5" borderId="7" xfId="23" applyFont="1" applyFill="1" applyBorder="1" applyAlignment="1">
      <alignment horizontal="left" vertical="top" wrapText="1"/>
    </xf>
    <xf numFmtId="0" fontId="16" fillId="5" borderId="1" xfId="29" quotePrefix="1" applyFont="1" applyFill="1" applyBorder="1" applyAlignment="1">
      <alignment horizontal="left" vertical="top" wrapText="1"/>
    </xf>
    <xf numFmtId="0" fontId="16" fillId="5" borderId="4" xfId="23" applyFont="1" applyFill="1" applyBorder="1" applyAlignment="1">
      <alignment horizontal="left" vertical="top"/>
    </xf>
    <xf numFmtId="0" fontId="16" fillId="5" borderId="5" xfId="23" applyFont="1" applyFill="1" applyBorder="1" applyAlignment="1">
      <alignment horizontal="left" vertical="top"/>
    </xf>
    <xf numFmtId="0" fontId="15" fillId="0" borderId="2" xfId="4" quotePrefix="1" applyFont="1" applyFill="1" applyBorder="1" applyAlignment="1">
      <alignment horizontal="left" vertical="top" wrapText="1"/>
    </xf>
    <xf numFmtId="0" fontId="15" fillId="0" borderId="0" xfId="4" quotePrefix="1" applyFont="1" applyFill="1" applyBorder="1" applyAlignment="1">
      <alignment vertical="top" wrapText="1"/>
    </xf>
    <xf numFmtId="0" fontId="16" fillId="5" borderId="1" xfId="0" quotePrefix="1" applyFont="1" applyFill="1" applyBorder="1" applyAlignment="1">
      <alignment horizontal="left" vertical="top" wrapText="1"/>
    </xf>
    <xf numFmtId="0" fontId="15" fillId="0" borderId="0" xfId="7" quotePrefix="1" applyFont="1" applyAlignment="1">
      <alignment horizontal="left" vertical="top" wrapText="1"/>
    </xf>
    <xf numFmtId="0" fontId="16" fillId="5" borderId="1" xfId="23" applyFont="1" applyFill="1" applyBorder="1" applyAlignment="1">
      <alignment horizontal="left" vertical="top"/>
    </xf>
    <xf numFmtId="0" fontId="16" fillId="5" borderId="1" xfId="23" quotePrefix="1" applyFont="1" applyFill="1" applyBorder="1" applyAlignment="1">
      <alignment horizontal="left" vertical="top" wrapText="1"/>
    </xf>
    <xf numFmtId="0" fontId="16" fillId="5" borderId="6" xfId="23" applyFont="1" applyFill="1" applyBorder="1" applyAlignment="1">
      <alignment vertical="top" wrapText="1"/>
    </xf>
    <xf numFmtId="0" fontId="16" fillId="5" borderId="2" xfId="23" applyFont="1" applyFill="1" applyBorder="1" applyAlignment="1">
      <alignment vertical="top" wrapText="1"/>
    </xf>
    <xf numFmtId="0" fontId="15" fillId="0" borderId="2" xfId="3" quotePrefix="1" applyFont="1" applyFill="1" applyBorder="1" applyAlignment="1">
      <alignment vertical="top" wrapText="1"/>
    </xf>
    <xf numFmtId="0" fontId="15" fillId="0" borderId="0" xfId="3" quotePrefix="1" applyFont="1" applyFill="1" applyBorder="1" applyAlignment="1">
      <alignment horizontal="left" vertical="top" wrapText="1"/>
    </xf>
    <xf numFmtId="0" fontId="15" fillId="0" borderId="2" xfId="3" quotePrefix="1" applyFont="1" applyFill="1" applyBorder="1" applyAlignment="1">
      <alignment horizontal="left" vertical="top" wrapText="1"/>
    </xf>
    <xf numFmtId="0" fontId="14" fillId="4" borderId="0" xfId="0" applyFont="1" applyFill="1" applyAlignment="1">
      <alignment horizontal="left" vertical="top"/>
    </xf>
    <xf numFmtId="0" fontId="15" fillId="0" borderId="2" xfId="3" quotePrefix="1" applyFont="1" applyBorder="1" applyAlignment="1">
      <alignment horizontal="left" vertical="top" wrapText="1"/>
    </xf>
    <xf numFmtId="0" fontId="15" fillId="0" borderId="0" xfId="3" quotePrefix="1" applyFont="1" applyAlignment="1">
      <alignment horizontal="left" vertical="top" wrapText="1"/>
    </xf>
    <xf numFmtId="0" fontId="14" fillId="4" borderId="0" xfId="0" applyFont="1" applyFill="1" applyBorder="1" applyAlignment="1">
      <alignment horizontal="left" vertical="top" wrapText="1"/>
    </xf>
    <xf numFmtId="0" fontId="16" fillId="5" borderId="8" xfId="23" applyFont="1" applyFill="1" applyBorder="1" applyAlignment="1">
      <alignment horizontal="left" vertical="top" wrapText="1"/>
    </xf>
    <xf numFmtId="0" fontId="16" fillId="5" borderId="9" xfId="23" applyFont="1" applyFill="1" applyBorder="1" applyAlignment="1">
      <alignment horizontal="left" vertical="top" wrapText="1"/>
    </xf>
    <xf numFmtId="0" fontId="16" fillId="5" borderId="10" xfId="23" applyFont="1" applyFill="1" applyBorder="1" applyAlignment="1">
      <alignment horizontal="left" vertical="top" wrapText="1"/>
    </xf>
    <xf numFmtId="0" fontId="16" fillId="5" borderId="11" xfId="23" applyFont="1" applyFill="1" applyBorder="1" applyAlignment="1">
      <alignment horizontal="left" vertical="top" wrapText="1"/>
    </xf>
    <xf numFmtId="0" fontId="16" fillId="5" borderId="0" xfId="23" applyFont="1" applyFill="1" applyBorder="1" applyAlignment="1">
      <alignment horizontal="left" vertical="top" wrapText="1"/>
    </xf>
    <xf numFmtId="0" fontId="15" fillId="0" borderId="0" xfId="3" quotePrefix="1" applyFont="1" applyBorder="1" applyAlignment="1">
      <alignment horizontal="left" vertical="top" wrapText="1"/>
    </xf>
  </cellXfs>
  <cellStyles count="39">
    <cellStyle name="Hyperlink" xfId="1" builtinId="8"/>
    <cellStyle name="Normal" xfId="0" builtinId="0"/>
    <cellStyle name="Normal 2" xfId="38" xr:uid="{00000000-0005-0000-0000-000002000000}"/>
    <cellStyle name="Normal_%2_1" xfId="2" xr:uid="{00000000-0005-0000-0000-000003000000}"/>
    <cellStyle name="Normal_Belonging" xfId="3" xr:uid="{00000000-0005-0000-0000-000004000000}"/>
    <cellStyle name="Normal_CommLeader" xfId="4" xr:uid="{00000000-0005-0000-0000-000005000000}"/>
    <cellStyle name="Normal_CommunityEconomicWB" xfId="5" xr:uid="{00000000-0005-0000-0000-000006000000}"/>
    <cellStyle name="Normal_CWI Ind" xfId="6" xr:uid="{00000000-0005-0000-0000-000007000000}"/>
    <cellStyle name="Normal_Equity" xfId="7" xr:uid="{00000000-0005-0000-0000-000008000000}"/>
    <cellStyle name="Normal_FamilyFriends" xfId="8" xr:uid="{00000000-0005-0000-0000-000009000000}"/>
    <cellStyle name="Normal_GenHealth" xfId="9" xr:uid="{00000000-0005-0000-0000-00000A000000}"/>
    <cellStyle name="Normal_GettingInvolved" xfId="10" xr:uid="{00000000-0005-0000-0000-00000B000000}"/>
    <cellStyle name="Normal_HouseholdFinance" xfId="11" xr:uid="{00000000-0005-0000-0000-00000C000000}"/>
    <cellStyle name="Normal_HouseholdFinWB" xfId="12" xr:uid="{00000000-0005-0000-0000-00000D000000}"/>
    <cellStyle name="Normal_K10" xfId="13" xr:uid="{00000000-0005-0000-0000-00000E000000}"/>
    <cellStyle name="Normal_liveability" xfId="14" xr:uid="{00000000-0005-0000-0000-00000F000000}"/>
    <cellStyle name="Normal_Mean2" xfId="15" xr:uid="{00000000-0005-0000-0000-000010000000}"/>
    <cellStyle name="Normal_Migration" xfId="16" xr:uid="{00000000-0005-0000-0000-000011000000}"/>
    <cellStyle name="Normal_NaturalCap" xfId="17" xr:uid="{00000000-0005-0000-0000-000012000000}"/>
    <cellStyle name="Normal_PhysCrime" xfId="18" xr:uid="{00000000-0005-0000-0000-000013000000}"/>
    <cellStyle name="Normal_PhysFinance" xfId="19" xr:uid="{00000000-0005-0000-0000-000014000000}"/>
    <cellStyle name="Normal_PhysLandscape" xfId="20" xr:uid="{00000000-0005-0000-0000-000015000000}"/>
    <cellStyle name="Normal_PhysTelecom" xfId="21" xr:uid="{00000000-0005-0000-0000-000016000000}"/>
    <cellStyle name="Normal_PWI_1" xfId="22" xr:uid="{00000000-0005-0000-0000-000017000000}"/>
    <cellStyle name="Normal_Self efficacy" xfId="23" xr:uid="{00000000-0005-0000-0000-000018000000}"/>
    <cellStyle name="Normal_Sheet1" xfId="24" xr:uid="{00000000-0005-0000-0000-000019000000}"/>
    <cellStyle name="Normal_Sheet1_1" xfId="25" xr:uid="{00000000-0005-0000-0000-00001A000000}"/>
    <cellStyle name="Normal_Sheet10" xfId="26" xr:uid="{00000000-0005-0000-0000-00001B000000}"/>
    <cellStyle name="Normal_Sheet12" xfId="27" xr:uid="{00000000-0005-0000-0000-00001C000000}"/>
    <cellStyle name="Normal_Sheet13" xfId="28" xr:uid="{00000000-0005-0000-0000-00001D000000}"/>
    <cellStyle name="Normal_Sheet2_1" xfId="29" xr:uid="{00000000-0005-0000-0000-00001E000000}"/>
    <cellStyle name="Normal_Sheet4" xfId="30" xr:uid="{00000000-0005-0000-0000-00001F000000}"/>
    <cellStyle name="Normal_Sheet5" xfId="31" xr:uid="{00000000-0005-0000-0000-000020000000}"/>
    <cellStyle name="Normal_Sheet5_1" xfId="32" xr:uid="{00000000-0005-0000-0000-000021000000}"/>
    <cellStyle name="Normal_Sheet6" xfId="33" xr:uid="{00000000-0005-0000-0000-000022000000}"/>
    <cellStyle name="Normal_Sheet7" xfId="34" xr:uid="{00000000-0005-0000-0000-000023000000}"/>
    <cellStyle name="Normal_Sheet7_1" xfId="35" xr:uid="{00000000-0005-0000-0000-000024000000}"/>
    <cellStyle name="Normal_Sheet8" xfId="36" xr:uid="{00000000-0005-0000-0000-000025000000}"/>
    <cellStyle name="Normal_Volunteering" xfId="37" xr:uid="{00000000-0005-0000-0000-000026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20</xdr:col>
      <xdr:colOff>364066</xdr:colOff>
      <xdr:row>34</xdr:row>
      <xdr:rowOff>142874</xdr:rowOff>
    </xdr:to>
    <xdr:pic>
      <xdr:nvPicPr>
        <xdr:cNvPr id="4" name="Picture 3">
          <a:extLst>
            <a:ext uri="{FF2B5EF4-FFF2-40B4-BE49-F238E27FC236}">
              <a16:creationId xmlns:a16="http://schemas.microsoft.com/office/drawing/2014/main" id="{E2C53313-A096-49DA-A249-9AD9FB67B5D9}"/>
            </a:ext>
          </a:extLst>
        </xdr:cNvPr>
        <xdr:cNvPicPr>
          <a:picLocks noChangeAspect="1"/>
        </xdr:cNvPicPr>
      </xdr:nvPicPr>
      <xdr:blipFill>
        <a:blip xmlns:r="http://schemas.openxmlformats.org/officeDocument/2006/relationships" r:embed="rId1"/>
        <a:stretch>
          <a:fillRect/>
        </a:stretch>
      </xdr:blipFill>
      <xdr:spPr>
        <a:xfrm>
          <a:off x="0" y="0"/>
          <a:ext cx="12175066" cy="6848474"/>
        </a:xfrm>
        <a:prstGeom prst="rect">
          <a:avLst/>
        </a:prstGeom>
      </xdr:spPr>
    </xdr:pic>
    <xdr:clientData/>
  </xdr:twoCellAnchor>
</xdr:wsDr>
</file>

<file path=xl/theme/theme1.xml><?xml version="1.0" encoding="utf-8"?>
<a:theme xmlns:a="http://schemas.openxmlformats.org/drawingml/2006/main" name="Kilter">
  <a:themeElements>
    <a:clrScheme name="Median">
      <a:dk1>
        <a:sysClr val="windowText" lastClr="000000"/>
      </a:dk1>
      <a:lt1>
        <a:sysClr val="window" lastClr="FFFFFF"/>
      </a:lt1>
      <a:dk2>
        <a:srgbClr val="775F55"/>
      </a:dk2>
      <a:lt2>
        <a:srgbClr val="EBDDC3"/>
      </a:lt2>
      <a:accent1>
        <a:srgbClr val="94B6D2"/>
      </a:accent1>
      <a:accent2>
        <a:srgbClr val="DD8047"/>
      </a:accent2>
      <a:accent3>
        <a:srgbClr val="A5AB81"/>
      </a:accent3>
      <a:accent4>
        <a:srgbClr val="D8B25C"/>
      </a:accent4>
      <a:accent5>
        <a:srgbClr val="7BA79D"/>
      </a:accent5>
      <a:accent6>
        <a:srgbClr val="968C8C"/>
      </a:accent6>
      <a:hlink>
        <a:srgbClr val="F7B615"/>
      </a:hlink>
      <a:folHlink>
        <a:srgbClr val="704404"/>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ilter">
      <a:fillStyleLst>
        <a:solidFill>
          <a:schemeClr val="phClr"/>
        </a:solidFill>
        <a:gradFill rotWithShape="1">
          <a:gsLst>
            <a:gs pos="0">
              <a:schemeClr val="phClr">
                <a:tint val="14000"/>
                <a:satMod val="180000"/>
                <a:lumMod val="100000"/>
              </a:schemeClr>
            </a:gs>
            <a:gs pos="42000">
              <a:schemeClr val="phClr">
                <a:tint val="40000"/>
                <a:satMod val="160000"/>
                <a:lumMod val="94000"/>
              </a:schemeClr>
            </a:gs>
            <a:gs pos="100000">
              <a:schemeClr val="phClr">
                <a:tint val="94000"/>
                <a:satMod val="140000"/>
              </a:schemeClr>
            </a:gs>
          </a:gsLst>
          <a:lin ang="5160000" scaled="1"/>
        </a:gradFill>
        <a:gradFill rotWithShape="1">
          <a:gsLst>
            <a:gs pos="38000">
              <a:schemeClr val="phClr">
                <a:satMod val="120000"/>
              </a:schemeClr>
            </a:gs>
            <a:gs pos="100000">
              <a:schemeClr val="phClr">
                <a:shade val="60000"/>
                <a:satMod val="180000"/>
                <a:lumMod val="70000"/>
              </a:schemeClr>
            </a:gs>
          </a:gsLst>
          <a:lin ang="4680000" scaled="0"/>
        </a:gradFill>
      </a:fillStyleLst>
      <a:lnStyleLst>
        <a:ln w="12700" cap="flat" cmpd="sng" algn="ctr">
          <a:solidFill>
            <a:schemeClr val="phClr">
              <a:shade val="50000"/>
            </a:schemeClr>
          </a:solidFill>
          <a:prstDash val="solid"/>
        </a:ln>
        <a:ln w="25400" cap="flat" cmpd="sng" algn="ctr">
          <a:solidFill>
            <a:schemeClr val="phClr">
              <a:shade val="75000"/>
              <a:lumMod val="90000"/>
            </a:schemeClr>
          </a:solidFill>
          <a:prstDash val="solid"/>
        </a:ln>
        <a:ln w="38100" cap="flat" cmpd="sng" algn="ctr">
          <a:solidFill>
            <a:schemeClr val="phClr"/>
          </a:solidFill>
          <a:prstDash val="solid"/>
        </a:ln>
      </a:lnStyleLst>
      <a:effectStyleLst>
        <a:effectStyle>
          <a:effectLst>
            <a:outerShdw blurRad="63500" dist="12700" dir="5400000" sx="102000" sy="102000" rotWithShape="0">
              <a:srgbClr val="000000">
                <a:alpha val="20000"/>
              </a:srgbClr>
            </a:outerShdw>
          </a:effectLst>
        </a:effectStyle>
        <a:effectStyle>
          <a:effectLst>
            <a:outerShdw blurRad="76200" dist="25400" dir="5400000" rotWithShape="0">
              <a:srgbClr val="000000">
                <a:alpha val="50000"/>
              </a:srgbClr>
            </a:outerShdw>
          </a:effectLst>
          <a:scene3d>
            <a:camera prst="orthographicFront">
              <a:rot lat="0" lon="0" rev="0"/>
            </a:camera>
            <a:lightRig rig="glow" dir="tl">
              <a:rot lat="0" lon="0" rev="19800000"/>
            </a:lightRig>
          </a:scene3d>
          <a:sp3d prstMaterial="metal">
            <a:bevelT w="152400" h="63500" prst="softRound"/>
          </a:sp3d>
        </a:effectStyle>
        <a:effectStyle>
          <a:effectLst>
            <a:outerShdw blurRad="107950" dist="12700" dir="5040000" rotWithShape="0">
              <a:srgbClr val="000000">
                <a:alpha val="54000"/>
              </a:srgbClr>
            </a:outerShdw>
          </a:effectLst>
          <a:scene3d>
            <a:camera prst="orthographicFront">
              <a:rot lat="0" lon="0" rev="0"/>
            </a:camera>
            <a:lightRig rig="threePt" dir="tl">
              <a:rot lat="0" lon="0" rev="19800000"/>
            </a:lightRig>
          </a:scene3d>
          <a:sp3d prstMaterial="plastic">
            <a:bevelT h="63500" prst="softRound"/>
          </a:sp3d>
        </a:effectStyle>
      </a:effectStyleLst>
      <a:bgFillStyleLst>
        <a:solidFill>
          <a:schemeClr val="phClr"/>
        </a:solidFill>
        <a:gradFill rotWithShape="1">
          <a:gsLst>
            <a:gs pos="0">
              <a:schemeClr val="phClr">
                <a:tint val="95000"/>
                <a:satMod val="140000"/>
                <a:lumMod val="120000"/>
              </a:schemeClr>
            </a:gs>
            <a:gs pos="100000">
              <a:schemeClr val="phClr">
                <a:tint val="95000"/>
                <a:shade val="70000"/>
                <a:satMod val="180000"/>
                <a:lumMod val="82000"/>
              </a:schemeClr>
            </a:gs>
          </a:gsLst>
          <a:path path="circle">
            <a:fillToRect l="25000" t="25000" r="25000" b="25000"/>
          </a:path>
        </a:gradFill>
        <a:gradFill rotWithShape="1">
          <a:gsLst>
            <a:gs pos="0">
              <a:schemeClr val="phClr">
                <a:tint val="94000"/>
                <a:satMod val="140000"/>
                <a:lumMod val="120000"/>
              </a:schemeClr>
            </a:gs>
            <a:gs pos="100000">
              <a:schemeClr val="phClr">
                <a:tint val="97000"/>
                <a:shade val="70000"/>
                <a:satMod val="190000"/>
                <a:lumMod val="72000"/>
              </a:schemeClr>
            </a:gs>
          </a:gsLst>
          <a:path path="circle">
            <a:fillToRect l="50000" t="50000" r="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K1:S9"/>
  <sheetViews>
    <sheetView tabSelected="1" workbookViewId="0">
      <selection activeCell="V1" sqref="V1"/>
    </sheetView>
  </sheetViews>
  <sheetFormatPr defaultColWidth="8.85546875" defaultRowHeight="15"/>
  <cols>
    <col min="1" max="16384" width="8.85546875" style="2"/>
  </cols>
  <sheetData>
    <row r="1" spans="11:19" ht="23.25">
      <c r="Q1" s="223"/>
    </row>
    <row r="3" spans="11:19" ht="24.75">
      <c r="K3" s="4"/>
    </row>
    <row r="8" spans="11:19">
      <c r="R8" s="3"/>
    </row>
    <row r="9" spans="11:19">
      <c r="Q9" s="3"/>
      <c r="S9" s="3"/>
    </row>
  </sheetData>
  <pageMargins left="0.7" right="0.7" top="0.75" bottom="0.75" header="0.3" footer="0.3"/>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AS232"/>
  <sheetViews>
    <sheetView zoomScaleNormal="100" workbookViewId="0"/>
  </sheetViews>
  <sheetFormatPr defaultColWidth="18.5703125" defaultRowHeight="15"/>
  <cols>
    <col min="1" max="1" width="56.85546875" customWidth="1"/>
  </cols>
  <sheetData>
    <row r="1" spans="1:4" ht="31.5">
      <c r="A1" s="30" t="s">
        <v>44</v>
      </c>
    </row>
    <row r="3" spans="1:4" ht="18.75">
      <c r="A3" s="337" t="s">
        <v>12</v>
      </c>
      <c r="B3" s="337"/>
      <c r="C3" s="337"/>
      <c r="D3" s="337"/>
    </row>
    <row r="4" spans="1:4" ht="105" customHeight="1">
      <c r="A4" s="391" t="s">
        <v>394</v>
      </c>
      <c r="B4" s="391"/>
      <c r="C4" s="391"/>
      <c r="D4" s="391"/>
    </row>
    <row r="5" spans="1:4" ht="42" customHeight="1">
      <c r="A5" s="404" t="s">
        <v>129</v>
      </c>
      <c r="B5" s="404"/>
      <c r="C5" s="404"/>
      <c r="D5" s="404"/>
    </row>
    <row r="6" spans="1:4" ht="36.75" customHeight="1">
      <c r="A6" s="32" t="s">
        <v>71</v>
      </c>
      <c r="B6" s="33" t="s">
        <v>72</v>
      </c>
      <c r="C6" s="34" t="s">
        <v>588</v>
      </c>
      <c r="D6" s="35" t="s">
        <v>73</v>
      </c>
    </row>
    <row r="7" spans="1:4" ht="75.75" customHeight="1">
      <c r="A7" s="36"/>
      <c r="B7" s="37" t="s">
        <v>74</v>
      </c>
      <c r="C7" s="123" t="s">
        <v>130</v>
      </c>
      <c r="D7" s="39" t="s">
        <v>76</v>
      </c>
    </row>
    <row r="8" spans="1:4">
      <c r="A8" s="40" t="s">
        <v>350</v>
      </c>
      <c r="B8" s="173">
        <v>13948</v>
      </c>
      <c r="C8" s="79">
        <v>4.3597467015894189</v>
      </c>
      <c r="D8" s="80">
        <v>2.1353460682569127E-2</v>
      </c>
    </row>
    <row r="9" spans="1:4">
      <c r="A9" s="44" t="s">
        <v>351</v>
      </c>
      <c r="B9" s="44">
        <v>10229</v>
      </c>
      <c r="C9" s="175">
        <v>4.4106820270049285</v>
      </c>
      <c r="D9" s="127">
        <v>2.4717745520724196E-2</v>
      </c>
    </row>
    <row r="10" spans="1:4">
      <c r="A10" s="40" t="s">
        <v>352</v>
      </c>
      <c r="B10" s="48">
        <v>3719</v>
      </c>
      <c r="C10" s="79">
        <v>4.3184386492961995</v>
      </c>
      <c r="D10" s="80">
        <v>4.2072624713376271E-2</v>
      </c>
    </row>
    <row r="11" spans="1:4">
      <c r="A11" s="44" t="s">
        <v>534</v>
      </c>
      <c r="B11" s="44">
        <v>1884</v>
      </c>
      <c r="C11" s="175">
        <v>4.2380362991805907</v>
      </c>
      <c r="D11" s="127">
        <v>5.8727399931203968E-2</v>
      </c>
    </row>
    <row r="12" spans="1:4">
      <c r="A12" s="40" t="s">
        <v>535</v>
      </c>
      <c r="B12" s="48">
        <v>1539</v>
      </c>
      <c r="C12" s="79">
        <v>4.2231988741222617</v>
      </c>
      <c r="D12" s="80">
        <v>6.5393447559802434E-2</v>
      </c>
    </row>
    <row r="13" spans="1:4">
      <c r="A13" s="44" t="s">
        <v>546</v>
      </c>
      <c r="B13" s="44">
        <v>349</v>
      </c>
      <c r="C13" s="175">
        <v>4.2725177489362034</v>
      </c>
      <c r="D13" s="127">
        <v>0.13343074895152698</v>
      </c>
    </row>
    <row r="14" spans="1:4">
      <c r="A14" s="40" t="s">
        <v>536</v>
      </c>
      <c r="B14" s="48">
        <v>296</v>
      </c>
      <c r="C14" s="79">
        <v>4.4567692817668698</v>
      </c>
      <c r="D14" s="80">
        <v>0.14590651550106762</v>
      </c>
    </row>
    <row r="15" spans="1:4">
      <c r="A15" s="44" t="s">
        <v>537</v>
      </c>
      <c r="B15" s="44">
        <v>87</v>
      </c>
      <c r="C15" s="175">
        <v>4.4377175156019879</v>
      </c>
      <c r="D15" s="127">
        <v>0.27990009152267892</v>
      </c>
    </row>
    <row r="16" spans="1:4">
      <c r="A16" s="40" t="s">
        <v>538</v>
      </c>
      <c r="B16" s="48">
        <v>90</v>
      </c>
      <c r="C16" s="79">
        <v>4.6138103182547336</v>
      </c>
      <c r="D16" s="80">
        <v>0.25531229696827262</v>
      </c>
    </row>
    <row r="17" spans="1:25">
      <c r="A17" s="44" t="s">
        <v>539</v>
      </c>
      <c r="B17" s="44">
        <v>100</v>
      </c>
      <c r="C17" s="175">
        <v>4.4402471880658956</v>
      </c>
      <c r="D17" s="127">
        <v>0.25111839052647267</v>
      </c>
    </row>
    <row r="18" spans="1:25">
      <c r="A18" s="40" t="s">
        <v>540</v>
      </c>
      <c r="B18" s="173">
        <v>112</v>
      </c>
      <c r="C18" s="79">
        <v>3.9901673501397648</v>
      </c>
      <c r="D18" s="80">
        <v>0.22525799564522031</v>
      </c>
    </row>
    <row r="19" spans="1:25">
      <c r="A19" s="44" t="s">
        <v>541</v>
      </c>
      <c r="B19" s="174">
        <v>113</v>
      </c>
      <c r="C19" s="175">
        <v>4.3747431514842869</v>
      </c>
      <c r="D19" s="127">
        <v>0.22855198523457301</v>
      </c>
    </row>
    <row r="20" spans="1:25">
      <c r="A20" s="40" t="s">
        <v>542</v>
      </c>
      <c r="B20" s="78">
        <v>173</v>
      </c>
      <c r="C20" s="79">
        <v>4.0581593569710472</v>
      </c>
      <c r="D20" s="80">
        <v>0.20043316666246239</v>
      </c>
      <c r="P20" s="238"/>
      <c r="Q20" s="238"/>
      <c r="R20" s="238"/>
      <c r="S20" s="238"/>
      <c r="T20" s="238"/>
      <c r="U20" s="238"/>
      <c r="V20" s="238"/>
      <c r="W20" s="238"/>
      <c r="X20" s="238"/>
      <c r="Y20" s="238"/>
    </row>
    <row r="21" spans="1:25">
      <c r="A21" s="44" t="s">
        <v>547</v>
      </c>
      <c r="B21" s="174">
        <v>72</v>
      </c>
      <c r="C21" s="175">
        <v>4.1452703253134189</v>
      </c>
      <c r="D21" s="127">
        <v>0.32734580623564286</v>
      </c>
      <c r="P21" s="238"/>
      <c r="Q21" s="238"/>
      <c r="R21" s="238"/>
      <c r="S21" s="238"/>
      <c r="T21" s="238"/>
      <c r="U21" s="238"/>
      <c r="V21" s="238"/>
      <c r="W21" s="238"/>
      <c r="X21" s="238"/>
      <c r="Y21" s="238"/>
    </row>
    <row r="22" spans="1:25">
      <c r="A22" s="52" t="s">
        <v>548</v>
      </c>
      <c r="B22" s="173">
        <v>124</v>
      </c>
      <c r="C22" s="79">
        <v>4.1263113018936703</v>
      </c>
      <c r="D22" s="80">
        <v>0.23483844244315369</v>
      </c>
      <c r="P22" s="238"/>
      <c r="Q22" s="238"/>
      <c r="R22" s="238"/>
      <c r="S22" s="238"/>
      <c r="T22" s="238"/>
      <c r="U22" s="238"/>
      <c r="V22" s="238"/>
      <c r="W22" s="238"/>
      <c r="X22" s="238"/>
      <c r="Y22" s="238"/>
    </row>
    <row r="23" spans="1:25">
      <c r="A23" s="44" t="s">
        <v>549</v>
      </c>
      <c r="B23" s="174">
        <v>102</v>
      </c>
      <c r="C23" s="175">
        <v>4.3415182770038756</v>
      </c>
      <c r="D23" s="127">
        <v>0.24400624769563414</v>
      </c>
      <c r="P23" s="238"/>
      <c r="Q23" s="238"/>
      <c r="R23" s="238"/>
      <c r="S23" s="238"/>
      <c r="T23" s="238"/>
      <c r="U23" s="238"/>
      <c r="V23" s="238"/>
      <c r="W23" s="238"/>
      <c r="X23" s="238"/>
      <c r="Y23" s="238"/>
    </row>
    <row r="24" spans="1:25">
      <c r="A24" s="52" t="s">
        <v>550</v>
      </c>
      <c r="B24" s="173">
        <v>132</v>
      </c>
      <c r="C24" s="79">
        <v>4.1239363752303086</v>
      </c>
      <c r="D24" s="80">
        <v>0.22386163441174634</v>
      </c>
      <c r="P24" s="238"/>
      <c r="Q24" s="238"/>
      <c r="R24" s="238"/>
      <c r="S24" s="238"/>
      <c r="T24" s="238"/>
      <c r="U24" s="238"/>
      <c r="V24" s="238"/>
      <c r="W24" s="238"/>
      <c r="X24" s="238"/>
      <c r="Y24" s="238"/>
    </row>
    <row r="25" spans="1:25">
      <c r="A25" s="44" t="s">
        <v>551</v>
      </c>
      <c r="B25" s="174">
        <v>124</v>
      </c>
      <c r="C25" s="175">
        <v>4.3757039451201694</v>
      </c>
      <c r="D25" s="127">
        <v>0.23734842062207759</v>
      </c>
      <c r="P25" s="238"/>
      <c r="Q25" s="238"/>
      <c r="R25" s="238"/>
      <c r="S25" s="238"/>
      <c r="T25" s="238"/>
      <c r="U25" s="238"/>
      <c r="V25" s="238"/>
      <c r="W25" s="238"/>
      <c r="X25" s="238"/>
      <c r="Y25" s="238"/>
    </row>
    <row r="26" spans="1:25">
      <c r="A26" s="52" t="s">
        <v>543</v>
      </c>
      <c r="B26" s="173">
        <v>168</v>
      </c>
      <c r="C26" s="79">
        <v>4.4416709097832419</v>
      </c>
      <c r="D26" s="80">
        <v>0.16470585167491525</v>
      </c>
      <c r="P26" s="238"/>
      <c r="Q26" s="238"/>
      <c r="R26" s="238"/>
      <c r="S26" s="238"/>
      <c r="T26" s="238"/>
      <c r="U26" s="238"/>
      <c r="V26" s="238"/>
      <c r="W26" s="238"/>
      <c r="X26" s="238"/>
      <c r="Y26" s="238"/>
    </row>
    <row r="27" spans="1:25">
      <c r="A27" s="44" t="s">
        <v>544</v>
      </c>
      <c r="B27" s="174">
        <v>49</v>
      </c>
      <c r="C27" s="175">
        <v>4.3783691064612427</v>
      </c>
      <c r="D27" s="127">
        <v>0.27920522121829233</v>
      </c>
      <c r="P27" s="238"/>
      <c r="Q27" s="238"/>
      <c r="R27" s="238"/>
      <c r="S27" s="238"/>
      <c r="T27" s="238"/>
      <c r="U27" s="238"/>
      <c r="V27" s="238"/>
      <c r="W27" s="238"/>
      <c r="X27" s="238"/>
      <c r="Y27" s="238"/>
    </row>
    <row r="28" spans="1:25">
      <c r="A28" s="52" t="s">
        <v>552</v>
      </c>
      <c r="B28" s="173">
        <v>119</v>
      </c>
      <c r="C28" s="79">
        <v>4.468335469446246</v>
      </c>
      <c r="D28" s="80">
        <v>0.20238293295118889</v>
      </c>
      <c r="P28" s="238"/>
      <c r="Q28" s="238"/>
      <c r="R28" s="238"/>
      <c r="S28" s="238"/>
      <c r="T28" s="238"/>
      <c r="U28" s="238"/>
      <c r="V28" s="238"/>
      <c r="W28" s="238"/>
      <c r="X28" s="238"/>
      <c r="Y28" s="238"/>
    </row>
    <row r="29" spans="1:25">
      <c r="A29" s="44" t="s">
        <v>545</v>
      </c>
      <c r="B29" s="174">
        <v>191</v>
      </c>
      <c r="C29" s="175">
        <v>4.1288670836422554</v>
      </c>
      <c r="D29" s="127">
        <v>0.20974982294023992</v>
      </c>
      <c r="P29" s="238"/>
      <c r="Q29" s="238"/>
      <c r="R29" s="238"/>
      <c r="S29" s="238"/>
      <c r="T29" s="238"/>
      <c r="U29" s="238"/>
      <c r="V29" s="238"/>
      <c r="W29" s="238"/>
      <c r="X29" s="238"/>
      <c r="Y29" s="238"/>
    </row>
    <row r="30" spans="1:25">
      <c r="P30" s="238"/>
      <c r="Q30" s="238"/>
      <c r="R30" s="238"/>
      <c r="S30" s="238"/>
      <c r="T30" s="238"/>
      <c r="U30" s="238"/>
      <c r="V30" s="238"/>
      <c r="W30" s="238"/>
      <c r="X30" s="238"/>
      <c r="Y30" s="238"/>
    </row>
    <row r="31" spans="1:25">
      <c r="P31" s="238"/>
      <c r="Q31" s="238"/>
      <c r="R31" s="238"/>
      <c r="S31" s="238"/>
      <c r="T31" s="238"/>
      <c r="U31" s="238"/>
      <c r="V31" s="238"/>
      <c r="W31" s="238"/>
      <c r="X31" s="238"/>
      <c r="Y31" s="238"/>
    </row>
    <row r="32" spans="1:25" ht="18.75">
      <c r="A32" s="337" t="s">
        <v>45</v>
      </c>
      <c r="B32" s="337"/>
      <c r="C32" s="337"/>
      <c r="D32" s="337"/>
      <c r="E32" s="337"/>
      <c r="F32" s="337"/>
      <c r="G32" s="337"/>
      <c r="H32" s="337"/>
      <c r="I32" s="337"/>
      <c r="J32" s="337"/>
      <c r="K32" s="337"/>
      <c r="L32" s="337"/>
      <c r="M32" s="337"/>
      <c r="N32" s="337"/>
      <c r="O32" s="337"/>
      <c r="P32" s="337"/>
      <c r="Q32" s="337"/>
      <c r="R32" s="337"/>
      <c r="S32" s="337"/>
      <c r="T32" s="337"/>
      <c r="U32" s="337"/>
      <c r="V32" s="337"/>
      <c r="W32" s="238"/>
      <c r="X32" s="238"/>
      <c r="Y32" s="238"/>
    </row>
    <row r="33" spans="1:45" ht="66" customHeight="1">
      <c r="A33" s="407" t="s">
        <v>590</v>
      </c>
      <c r="B33" s="407"/>
      <c r="C33" s="407"/>
      <c r="D33" s="407"/>
      <c r="E33" s="407"/>
      <c r="F33" s="407"/>
      <c r="G33" s="407"/>
      <c r="H33" s="407"/>
      <c r="I33" s="407"/>
      <c r="J33" s="407"/>
      <c r="K33" s="407"/>
      <c r="L33" s="407"/>
      <c r="M33" s="407"/>
      <c r="N33" s="407"/>
      <c r="O33" s="407"/>
      <c r="P33" s="407"/>
      <c r="Q33" s="407"/>
      <c r="R33" s="407"/>
      <c r="S33" s="407"/>
      <c r="T33" s="407"/>
      <c r="U33" s="407"/>
      <c r="V33" s="407"/>
      <c r="W33" s="238"/>
      <c r="X33" s="238"/>
      <c r="Y33" s="238"/>
    </row>
    <row r="34" spans="1:45" ht="37.5" customHeight="1">
      <c r="A34" s="59"/>
      <c r="B34" s="339" t="s">
        <v>272</v>
      </c>
      <c r="C34" s="411"/>
      <c r="D34" s="411"/>
      <c r="E34" s="411"/>
      <c r="F34" s="411"/>
      <c r="G34" s="411"/>
      <c r="H34" s="411"/>
      <c r="I34" s="339" t="s">
        <v>395</v>
      </c>
      <c r="J34" s="411"/>
      <c r="K34" s="411"/>
      <c r="L34" s="411"/>
      <c r="M34" s="411"/>
      <c r="N34" s="411"/>
      <c r="O34" s="411"/>
      <c r="P34" s="292" t="s">
        <v>273</v>
      </c>
      <c r="Q34" s="292"/>
      <c r="R34" s="292"/>
      <c r="S34" s="292"/>
      <c r="T34" s="292"/>
      <c r="U34" s="292"/>
      <c r="V34" s="292"/>
      <c r="W34" s="290"/>
      <c r="X34" s="290"/>
      <c r="Y34" s="289"/>
      <c r="Z34" s="289"/>
      <c r="AA34" s="289"/>
      <c r="AB34" s="289"/>
      <c r="AC34" s="289"/>
      <c r="AD34" s="289"/>
      <c r="AE34" s="289"/>
      <c r="AF34" s="289"/>
      <c r="AG34" s="289"/>
      <c r="AH34" s="289"/>
      <c r="AI34" s="289"/>
      <c r="AJ34" s="289"/>
      <c r="AK34" s="289"/>
      <c r="AL34" s="289"/>
      <c r="AM34" s="289"/>
      <c r="AN34" s="289"/>
      <c r="AO34" s="289"/>
      <c r="AP34" s="289"/>
      <c r="AQ34" s="289"/>
      <c r="AR34" s="289"/>
      <c r="AS34" s="289"/>
    </row>
    <row r="35" spans="1:45" ht="37.5" customHeight="1">
      <c r="A35" s="32" t="s">
        <v>71</v>
      </c>
      <c r="B35" s="33" t="s">
        <v>72</v>
      </c>
      <c r="C35" s="33" t="s">
        <v>131</v>
      </c>
      <c r="D35" s="84" t="s">
        <v>322</v>
      </c>
      <c r="E35" s="33" t="s">
        <v>132</v>
      </c>
      <c r="F35" s="84" t="s">
        <v>323</v>
      </c>
      <c r="G35" s="33" t="s">
        <v>133</v>
      </c>
      <c r="H35" s="84" t="s">
        <v>324</v>
      </c>
      <c r="I35" s="33" t="s">
        <v>72</v>
      </c>
      <c r="J35" s="33" t="s">
        <v>131</v>
      </c>
      <c r="K35" s="84" t="s">
        <v>322</v>
      </c>
      <c r="L35" s="33" t="s">
        <v>132</v>
      </c>
      <c r="M35" s="84" t="s">
        <v>323</v>
      </c>
      <c r="N35" s="33" t="s">
        <v>133</v>
      </c>
      <c r="O35" s="84" t="s">
        <v>324</v>
      </c>
      <c r="P35" s="33" t="s">
        <v>72</v>
      </c>
      <c r="Q35" s="33" t="s">
        <v>131</v>
      </c>
      <c r="R35" s="84" t="s">
        <v>322</v>
      </c>
      <c r="S35" s="33" t="s">
        <v>132</v>
      </c>
      <c r="T35" s="84" t="s">
        <v>323</v>
      </c>
      <c r="U35" s="33" t="s">
        <v>133</v>
      </c>
      <c r="V35" s="84" t="s">
        <v>324</v>
      </c>
    </row>
    <row r="36" spans="1:45" ht="71.25" customHeight="1">
      <c r="A36" s="36"/>
      <c r="B36" s="37" t="s">
        <v>74</v>
      </c>
      <c r="C36" s="37" t="s">
        <v>159</v>
      </c>
      <c r="D36" s="86" t="s">
        <v>88</v>
      </c>
      <c r="E36" s="37" t="s">
        <v>160</v>
      </c>
      <c r="F36" s="86" t="s">
        <v>88</v>
      </c>
      <c r="G36" s="37" t="s">
        <v>161</v>
      </c>
      <c r="H36" s="86" t="s">
        <v>88</v>
      </c>
      <c r="I36" s="37" t="s">
        <v>74</v>
      </c>
      <c r="J36" s="37" t="s">
        <v>159</v>
      </c>
      <c r="K36" s="86" t="s">
        <v>88</v>
      </c>
      <c r="L36" s="37" t="s">
        <v>160</v>
      </c>
      <c r="M36" s="86" t="s">
        <v>88</v>
      </c>
      <c r="N36" s="37" t="s">
        <v>161</v>
      </c>
      <c r="O36" s="86" t="s">
        <v>88</v>
      </c>
      <c r="P36" s="37" t="s">
        <v>74</v>
      </c>
      <c r="Q36" s="37" t="s">
        <v>159</v>
      </c>
      <c r="R36" s="86" t="s">
        <v>88</v>
      </c>
      <c r="S36" s="37" t="s">
        <v>160</v>
      </c>
      <c r="T36" s="86" t="s">
        <v>88</v>
      </c>
      <c r="U36" s="37" t="s">
        <v>161</v>
      </c>
      <c r="V36" s="86" t="s">
        <v>88</v>
      </c>
    </row>
    <row r="37" spans="1:45">
      <c r="A37" s="40" t="s">
        <v>350</v>
      </c>
      <c r="B37" s="173">
        <v>13907</v>
      </c>
      <c r="C37" s="176">
        <v>0.19903370812084747</v>
      </c>
      <c r="D37" s="89">
        <v>6.7716139356468969E-3</v>
      </c>
      <c r="E37" s="176">
        <v>0.1808553717156379</v>
      </c>
      <c r="F37" s="89">
        <v>6.5280375946062024E-3</v>
      </c>
      <c r="G37" s="176">
        <v>0.62011092016352953</v>
      </c>
      <c r="H37" s="89">
        <v>8.2304117240146954E-3</v>
      </c>
      <c r="I37" s="173">
        <v>13846</v>
      </c>
      <c r="J37" s="176">
        <v>0.35481886527751455</v>
      </c>
      <c r="K37" s="89">
        <v>8.1313159600783225E-3</v>
      </c>
      <c r="L37" s="176">
        <v>0.17642583432258463</v>
      </c>
      <c r="M37" s="89">
        <v>6.4792972664904922E-3</v>
      </c>
      <c r="N37" s="176">
        <v>0.46875530039991631</v>
      </c>
      <c r="O37" s="89">
        <v>8.4805887091058737E-3</v>
      </c>
      <c r="P37" s="173">
        <v>13940</v>
      </c>
      <c r="Q37" s="176">
        <v>0.34225069035955757</v>
      </c>
      <c r="R37" s="89">
        <v>8.0362316068750099E-3</v>
      </c>
      <c r="S37" s="176">
        <v>0.17414298561198138</v>
      </c>
      <c r="T37" s="89">
        <v>6.4244163883877669E-3</v>
      </c>
      <c r="U37" s="176">
        <v>0.48360632402847759</v>
      </c>
      <c r="V37" s="89">
        <v>8.4639460387044112E-3</v>
      </c>
    </row>
    <row r="38" spans="1:45">
      <c r="A38" s="44" t="s">
        <v>351</v>
      </c>
      <c r="B38" s="174">
        <v>10202</v>
      </c>
      <c r="C38" s="177">
        <v>0.20167199965186186</v>
      </c>
      <c r="D38" s="92">
        <v>7.9452899268931173E-3</v>
      </c>
      <c r="E38" s="177">
        <v>0.17183980488545875</v>
      </c>
      <c r="F38" s="92">
        <v>7.4705059153115571E-3</v>
      </c>
      <c r="G38" s="177">
        <v>0.62648819546267309</v>
      </c>
      <c r="H38" s="92">
        <v>9.5768450548990268E-3</v>
      </c>
      <c r="I38" s="174">
        <v>10151</v>
      </c>
      <c r="J38" s="177">
        <v>0.32941325567448487</v>
      </c>
      <c r="K38" s="92">
        <v>9.328473434407512E-3</v>
      </c>
      <c r="L38" s="177">
        <v>0.16135661256908065</v>
      </c>
      <c r="M38" s="92">
        <v>7.3032635781698722E-3</v>
      </c>
      <c r="N38" s="177">
        <v>0.50923013175642984</v>
      </c>
      <c r="O38" s="92">
        <v>9.9216997910477299E-3</v>
      </c>
      <c r="P38" s="174">
        <v>10217</v>
      </c>
      <c r="Q38" s="177">
        <v>0.36240960918067677</v>
      </c>
      <c r="R38" s="92">
        <v>9.5097249670579257E-3</v>
      </c>
      <c r="S38" s="177">
        <v>0.15677342640096814</v>
      </c>
      <c r="T38" s="92">
        <v>7.1952029092367809E-3</v>
      </c>
      <c r="U38" s="177">
        <v>0.48081696441835076</v>
      </c>
      <c r="V38" s="92">
        <v>9.8840216912036444E-3</v>
      </c>
    </row>
    <row r="39" spans="1:45">
      <c r="A39" s="40" t="s">
        <v>352</v>
      </c>
      <c r="B39" s="173">
        <v>3705</v>
      </c>
      <c r="C39" s="176">
        <v>0.19688925262736423</v>
      </c>
      <c r="D39" s="89">
        <v>1.3066886726862605E-2</v>
      </c>
      <c r="E39" s="176">
        <v>0.18818340259793176</v>
      </c>
      <c r="F39" s="89">
        <v>1.2844550928860063E-2</v>
      </c>
      <c r="G39" s="176">
        <v>0.6149273447747049</v>
      </c>
      <c r="H39" s="89">
        <v>1.5981256857970642E-2</v>
      </c>
      <c r="I39" s="173">
        <v>3695</v>
      </c>
      <c r="J39" s="176">
        <v>0.37544231673523015</v>
      </c>
      <c r="K39" s="89">
        <v>1.5924902145224944E-2</v>
      </c>
      <c r="L39" s="176">
        <v>0.18865854072857044</v>
      </c>
      <c r="M39" s="89">
        <v>1.2874339118384516E-2</v>
      </c>
      <c r="N39" s="176">
        <v>0.4358991425362001</v>
      </c>
      <c r="O39" s="89">
        <v>1.6306736768572166E-2</v>
      </c>
      <c r="P39" s="173">
        <v>3723</v>
      </c>
      <c r="Q39" s="176">
        <v>0.32592054392210179</v>
      </c>
      <c r="R39" s="89">
        <v>1.5357692271588185E-2</v>
      </c>
      <c r="S39" s="176">
        <v>0.18821355397859629</v>
      </c>
      <c r="T39" s="89">
        <v>1.2814239585689016E-2</v>
      </c>
      <c r="U39" s="176">
        <v>0.48586590209930292</v>
      </c>
      <c r="V39" s="89">
        <v>1.6373709707401936E-2</v>
      </c>
    </row>
    <row r="40" spans="1:45">
      <c r="A40" s="44" t="s">
        <v>534</v>
      </c>
      <c r="B40" s="174">
        <v>1881</v>
      </c>
      <c r="C40" s="177">
        <v>0.21579999278459638</v>
      </c>
      <c r="D40" s="92">
        <v>1.8969347388477262E-2</v>
      </c>
      <c r="E40" s="177">
        <v>0.18504978044250753</v>
      </c>
      <c r="F40" s="92">
        <v>1.7913845896752666E-2</v>
      </c>
      <c r="G40" s="177">
        <v>0.59915022677289909</v>
      </c>
      <c r="H40" s="92">
        <v>2.2577231335027977E-2</v>
      </c>
      <c r="I40" s="174">
        <v>1874</v>
      </c>
      <c r="J40" s="177">
        <v>0.37630407862032506</v>
      </c>
      <c r="K40" s="92">
        <v>2.2361366932223105E-2</v>
      </c>
      <c r="L40" s="177">
        <v>0.17491559758465058</v>
      </c>
      <c r="M40" s="92">
        <v>1.755986761694028E-2</v>
      </c>
      <c r="N40" s="177">
        <v>0.44878032379502636</v>
      </c>
      <c r="O40" s="92">
        <v>2.2954680933862999E-2</v>
      </c>
      <c r="P40" s="174">
        <v>1887</v>
      </c>
      <c r="Q40" s="177">
        <v>0.40460015129612809</v>
      </c>
      <c r="R40" s="92">
        <v>2.257544287502616E-2</v>
      </c>
      <c r="S40" s="177">
        <v>0.17085357621668276</v>
      </c>
      <c r="T40" s="92">
        <v>1.7338541285949978E-2</v>
      </c>
      <c r="U40" s="177">
        <v>0.42454627248719118</v>
      </c>
      <c r="V40" s="92">
        <v>2.2733868078861526E-2</v>
      </c>
    </row>
    <row r="41" spans="1:45">
      <c r="A41" s="40" t="s">
        <v>535</v>
      </c>
      <c r="B41" s="173">
        <v>1538</v>
      </c>
      <c r="C41" s="176">
        <v>0.21787325177522424</v>
      </c>
      <c r="D41" s="89">
        <v>2.1050055172136727E-2</v>
      </c>
      <c r="E41" s="176">
        <v>0.18869081582767905</v>
      </c>
      <c r="F41" s="89">
        <v>1.9960319457139501E-2</v>
      </c>
      <c r="G41" s="176">
        <v>0.59343593239709613</v>
      </c>
      <c r="H41" s="89">
        <v>2.5019575269432943E-2</v>
      </c>
      <c r="I41" s="173">
        <v>1531</v>
      </c>
      <c r="J41" s="176">
        <v>0.37711171289341894</v>
      </c>
      <c r="K41" s="89">
        <v>2.4745062160952652E-2</v>
      </c>
      <c r="L41" s="176">
        <v>0.16639656230580757</v>
      </c>
      <c r="M41" s="89">
        <v>1.9051653442193506E-2</v>
      </c>
      <c r="N41" s="176">
        <v>0.45649172480077332</v>
      </c>
      <c r="O41" s="89">
        <v>2.5427517617470915E-2</v>
      </c>
      <c r="P41" s="173">
        <v>1541</v>
      </c>
      <c r="Q41" s="176">
        <v>0.42732571146643833</v>
      </c>
      <c r="R41" s="89">
        <v>2.5172325700493575E-2</v>
      </c>
      <c r="S41" s="176">
        <v>0.15693915001614001</v>
      </c>
      <c r="T41" s="89">
        <v>1.8550577500492032E-2</v>
      </c>
      <c r="U41" s="176">
        <v>0.41573513851742061</v>
      </c>
      <c r="V41" s="89">
        <v>2.5079093123188439E-2</v>
      </c>
    </row>
    <row r="42" spans="1:45">
      <c r="A42" s="44" t="s">
        <v>546</v>
      </c>
      <c r="B42" s="174">
        <v>347</v>
      </c>
      <c r="C42" s="177">
        <v>0.21427974916144646</v>
      </c>
      <c r="D42" s="92">
        <v>4.4042712658910313E-2</v>
      </c>
      <c r="E42" s="177">
        <v>0.17142042608714544</v>
      </c>
      <c r="F42" s="92">
        <v>4.0577339546067931E-2</v>
      </c>
      <c r="G42" s="177">
        <v>0.6142998247514071</v>
      </c>
      <c r="H42" s="92">
        <v>5.1995136594235158E-2</v>
      </c>
      <c r="I42" s="174">
        <v>347</v>
      </c>
      <c r="J42" s="177">
        <v>0.37717622530176542</v>
      </c>
      <c r="K42" s="92">
        <v>5.1778202671628026E-2</v>
      </c>
      <c r="L42" s="177">
        <v>0.20040289398004296</v>
      </c>
      <c r="M42" s="92">
        <v>4.3003437656312926E-2</v>
      </c>
      <c r="N42" s="177">
        <v>0.42242088071819095</v>
      </c>
      <c r="O42" s="92">
        <v>5.274438416750761E-2</v>
      </c>
      <c r="P42" s="174">
        <v>350</v>
      </c>
      <c r="Q42" s="177">
        <v>0.33801804175013184</v>
      </c>
      <c r="R42" s="92">
        <v>5.0349226491892739E-2</v>
      </c>
      <c r="S42" s="177">
        <v>0.21346990340077254</v>
      </c>
      <c r="T42" s="92">
        <v>4.3795283567496138E-2</v>
      </c>
      <c r="U42" s="177">
        <v>0.44851205484909473</v>
      </c>
      <c r="V42" s="92">
        <v>5.2873216103227677E-2</v>
      </c>
    </row>
    <row r="43" spans="1:45">
      <c r="A43" s="40" t="s">
        <v>536</v>
      </c>
      <c r="B43" s="173">
        <v>296</v>
      </c>
      <c r="C43" s="176">
        <v>0.20186526540910804</v>
      </c>
      <c r="D43" s="89">
        <v>4.6686204515689229E-2</v>
      </c>
      <c r="E43" s="176">
        <v>0.19123446153803328</v>
      </c>
      <c r="F43" s="89">
        <v>4.5780518585646662E-2</v>
      </c>
      <c r="G43" s="176">
        <v>0.60690027305285565</v>
      </c>
      <c r="H43" s="89">
        <v>5.6435808710329688E-2</v>
      </c>
      <c r="I43" s="173">
        <v>293</v>
      </c>
      <c r="J43" s="176">
        <v>0.29913637535823878</v>
      </c>
      <c r="K43" s="89">
        <v>5.3274367936598663E-2</v>
      </c>
      <c r="L43" s="176">
        <v>0.20387237024356622</v>
      </c>
      <c r="M43" s="89">
        <v>4.7091083506202912E-2</v>
      </c>
      <c r="N43" s="176">
        <v>0.49699125439819236</v>
      </c>
      <c r="O43" s="89">
        <v>5.8024862852563759E-2</v>
      </c>
      <c r="P43" s="173">
        <v>296</v>
      </c>
      <c r="Q43" s="176">
        <v>0.36745231193043104</v>
      </c>
      <c r="R43" s="89">
        <v>5.5725097966387492E-2</v>
      </c>
      <c r="S43" s="176">
        <v>0.15240188651767586</v>
      </c>
      <c r="T43" s="89">
        <v>4.2012070788415658E-2</v>
      </c>
      <c r="U43" s="176">
        <v>0.48014580155189107</v>
      </c>
      <c r="V43" s="89">
        <v>5.76906985498584E-2</v>
      </c>
    </row>
    <row r="44" spans="1:45">
      <c r="A44" s="44" t="s">
        <v>537</v>
      </c>
      <c r="B44" s="174">
        <v>87</v>
      </c>
      <c r="C44" s="177">
        <v>0.25938267623384931</v>
      </c>
      <c r="D44" s="92">
        <v>9.3074768198664851E-2</v>
      </c>
      <c r="E44" s="177">
        <v>0.20048266361526143</v>
      </c>
      <c r="F44" s="92">
        <v>8.5934470681683015E-2</v>
      </c>
      <c r="G44" s="177">
        <v>0.54013466015088918</v>
      </c>
      <c r="H44" s="92">
        <v>0.10451935091586854</v>
      </c>
      <c r="I44" s="174">
        <v>87</v>
      </c>
      <c r="J44" s="177">
        <v>0.34834884166727387</v>
      </c>
      <c r="K44" s="92">
        <v>0.10032459396485821</v>
      </c>
      <c r="L44" s="177">
        <v>0.18340627257983141</v>
      </c>
      <c r="M44" s="92">
        <v>8.3438815937725369E-2</v>
      </c>
      <c r="N44" s="177">
        <v>0.46824488575289469</v>
      </c>
      <c r="O44" s="92">
        <v>0.10463506730721904</v>
      </c>
      <c r="P44" s="174">
        <v>87</v>
      </c>
      <c r="Q44" s="177">
        <v>0.38788096264184696</v>
      </c>
      <c r="R44" s="92">
        <v>0.10239122297243501</v>
      </c>
      <c r="S44" s="177">
        <v>0.12503501208560411</v>
      </c>
      <c r="T44" s="92">
        <v>7.3076786722573409E-2</v>
      </c>
      <c r="U44" s="177">
        <v>0.48708402527254885</v>
      </c>
      <c r="V44" s="92">
        <v>0.10479651050717047</v>
      </c>
    </row>
    <row r="45" spans="1:45">
      <c r="A45" s="40" t="s">
        <v>538</v>
      </c>
      <c r="B45" s="173">
        <v>90</v>
      </c>
      <c r="C45" s="176">
        <v>0.13475648782542909</v>
      </c>
      <c r="D45" s="89">
        <v>7.3718569558448493E-2</v>
      </c>
      <c r="E45" s="176">
        <v>0.16213460239703106</v>
      </c>
      <c r="F45" s="89">
        <v>7.8646913340488969E-2</v>
      </c>
      <c r="G45" s="176">
        <v>0.70310890977753981</v>
      </c>
      <c r="H45" s="89">
        <v>9.502138250196604E-2</v>
      </c>
      <c r="I45" s="173">
        <v>88</v>
      </c>
      <c r="J45" s="176">
        <v>0.30472594381726437</v>
      </c>
      <c r="K45" s="89">
        <v>9.6709286959464721E-2</v>
      </c>
      <c r="L45" s="176">
        <v>0.12813758972008016</v>
      </c>
      <c r="M45" s="89">
        <v>7.327181002673322E-2</v>
      </c>
      <c r="N45" s="176">
        <v>0.56713646646265559</v>
      </c>
      <c r="O45" s="89">
        <v>0.10339374172083031</v>
      </c>
      <c r="P45" s="173">
        <v>90</v>
      </c>
      <c r="Q45" s="176">
        <v>0.39833977803127346</v>
      </c>
      <c r="R45" s="89">
        <v>0.10116892189287466</v>
      </c>
      <c r="S45" s="176">
        <v>0.1104576783315992</v>
      </c>
      <c r="T45" s="89">
        <v>6.8694923335080885E-2</v>
      </c>
      <c r="U45" s="176">
        <v>0.49120254363712745</v>
      </c>
      <c r="V45" s="89">
        <v>0.10312748801796703</v>
      </c>
    </row>
    <row r="46" spans="1:45">
      <c r="A46" s="44" t="s">
        <v>539</v>
      </c>
      <c r="B46" s="174">
        <v>100</v>
      </c>
      <c r="C46" s="177">
        <v>0.20325393439172654</v>
      </c>
      <c r="D46" s="92">
        <v>8.0523579609205975E-2</v>
      </c>
      <c r="E46" s="177">
        <v>0.20284141660278399</v>
      </c>
      <c r="F46" s="92">
        <v>8.0469465281754901E-2</v>
      </c>
      <c r="G46" s="177">
        <v>0.59390464900549</v>
      </c>
      <c r="H46" s="92">
        <v>9.6445916785305397E-2</v>
      </c>
      <c r="I46" s="174">
        <v>99</v>
      </c>
      <c r="J46" s="177">
        <v>0.25530639118571974</v>
      </c>
      <c r="K46" s="92">
        <v>8.6951659301800807E-2</v>
      </c>
      <c r="L46" s="177">
        <v>0.27244697343880631</v>
      </c>
      <c r="M46" s="92">
        <v>8.8605880806696055E-2</v>
      </c>
      <c r="N46" s="177">
        <v>0.47224663537547451</v>
      </c>
      <c r="O46" s="92">
        <v>9.8392598640712592E-2</v>
      </c>
      <c r="P46" s="174">
        <v>100</v>
      </c>
      <c r="Q46" s="177">
        <v>0.30118032257465088</v>
      </c>
      <c r="R46" s="92">
        <v>9.0607558958566675E-2</v>
      </c>
      <c r="S46" s="177">
        <v>0.19607001522618098</v>
      </c>
      <c r="T46" s="92">
        <v>7.9565059532091489E-2</v>
      </c>
      <c r="U46" s="177">
        <v>0.50274966219916872</v>
      </c>
      <c r="V46" s="92">
        <v>9.8056696660905704E-2</v>
      </c>
    </row>
    <row r="47" spans="1:45">
      <c r="A47" s="40" t="s">
        <v>540</v>
      </c>
      <c r="B47" s="173">
        <v>113</v>
      </c>
      <c r="C47" s="176">
        <v>0.22977290368078415</v>
      </c>
      <c r="D47" s="89">
        <v>7.8856132101957258E-2</v>
      </c>
      <c r="E47" s="176">
        <v>0.23443784568523693</v>
      </c>
      <c r="F47" s="89">
        <v>7.9359921461536226E-2</v>
      </c>
      <c r="G47" s="176">
        <v>0.5357892506339792</v>
      </c>
      <c r="H47" s="89">
        <v>9.2228851987934443E-2</v>
      </c>
      <c r="I47" s="173">
        <v>112</v>
      </c>
      <c r="J47" s="176">
        <v>0.38072037065870296</v>
      </c>
      <c r="K47" s="89">
        <v>9.0351167076363592E-2</v>
      </c>
      <c r="L47" s="176">
        <v>0.21053721155818728</v>
      </c>
      <c r="M47" s="89">
        <v>7.6988623363752062E-2</v>
      </c>
      <c r="N47" s="176">
        <v>0.40874241778310988</v>
      </c>
      <c r="O47" s="89">
        <v>9.1394652446694216E-2</v>
      </c>
      <c r="P47" s="173">
        <v>112</v>
      </c>
      <c r="Q47" s="176">
        <v>0.53398859768235385</v>
      </c>
      <c r="R47" s="89">
        <v>9.2647472799750913E-2</v>
      </c>
      <c r="S47" s="176">
        <v>0.18060247764137005</v>
      </c>
      <c r="T47" s="89">
        <v>7.3084604453726207E-2</v>
      </c>
      <c r="U47" s="176">
        <v>0.2854089246762761</v>
      </c>
      <c r="V47" s="89">
        <v>8.4500914253583123E-2</v>
      </c>
    </row>
    <row r="48" spans="1:45">
      <c r="A48" s="44" t="s">
        <v>541</v>
      </c>
      <c r="B48" s="174">
        <v>113</v>
      </c>
      <c r="C48" s="177">
        <v>0.15029557915422584</v>
      </c>
      <c r="D48" s="92">
        <v>6.816917269292129E-2</v>
      </c>
      <c r="E48" s="177">
        <v>0.2228168187214431</v>
      </c>
      <c r="F48" s="92">
        <v>7.8082369713600927E-2</v>
      </c>
      <c r="G48" s="177">
        <v>0.62688760212433137</v>
      </c>
      <c r="H48" s="92">
        <v>8.9630123952874438E-2</v>
      </c>
      <c r="I48" s="174">
        <v>112</v>
      </c>
      <c r="J48" s="177">
        <v>0.35456360634756867</v>
      </c>
      <c r="K48" s="92">
        <v>8.9110904495690646E-2</v>
      </c>
      <c r="L48" s="177">
        <v>0.12145649706753382</v>
      </c>
      <c r="M48" s="92">
        <v>6.3359090516322089E-2</v>
      </c>
      <c r="N48" s="177">
        <v>0.52397989658489752</v>
      </c>
      <c r="O48" s="92">
        <v>9.2748071533875723E-2</v>
      </c>
      <c r="P48" s="174">
        <v>113</v>
      </c>
      <c r="Q48" s="177">
        <v>0.41395018599885047</v>
      </c>
      <c r="R48" s="92">
        <v>9.1163996174440237E-2</v>
      </c>
      <c r="S48" s="177">
        <v>0.15087701880881899</v>
      </c>
      <c r="T48" s="92">
        <v>6.8264148592356716E-2</v>
      </c>
      <c r="U48" s="177">
        <v>0.43517279519233065</v>
      </c>
      <c r="V48" s="92">
        <v>9.1722337675676946E-2</v>
      </c>
    </row>
    <row r="49" spans="1:22">
      <c r="A49" s="40" t="s">
        <v>542</v>
      </c>
      <c r="B49" s="173">
        <v>173</v>
      </c>
      <c r="C49" s="176">
        <v>0.25062326481270142</v>
      </c>
      <c r="D49" s="89">
        <v>6.5628689266809731E-2</v>
      </c>
      <c r="E49" s="176">
        <v>0.12804547462920038</v>
      </c>
      <c r="F49" s="89">
        <v>5.1603067698905394E-2</v>
      </c>
      <c r="G49" s="176">
        <v>0.62133126055809818</v>
      </c>
      <c r="H49" s="89">
        <v>7.3019860354965715E-2</v>
      </c>
      <c r="I49" s="173">
        <v>173</v>
      </c>
      <c r="J49" s="176">
        <v>0.42056702112128219</v>
      </c>
      <c r="K49" s="89">
        <v>7.4252943646116037E-2</v>
      </c>
      <c r="L49" s="176">
        <v>0.17870698780251978</v>
      </c>
      <c r="M49" s="89">
        <v>5.8490195571990512E-2</v>
      </c>
      <c r="N49" s="176">
        <v>0.40072599107619772</v>
      </c>
      <c r="O49" s="89">
        <v>7.3735682557730706E-2</v>
      </c>
      <c r="P49" s="173">
        <v>173</v>
      </c>
      <c r="Q49" s="176">
        <v>0.49109006391235432</v>
      </c>
      <c r="R49" s="89">
        <v>7.5153201059741104E-2</v>
      </c>
      <c r="S49" s="176">
        <v>9.4502924821662462E-2</v>
      </c>
      <c r="T49" s="89">
        <v>4.5824503284866612E-2</v>
      </c>
      <c r="U49" s="176">
        <v>0.41440701126598301</v>
      </c>
      <c r="V49" s="89">
        <v>7.4105013990106994E-2</v>
      </c>
    </row>
    <row r="50" spans="1:22">
      <c r="A50" s="44" t="s">
        <v>547</v>
      </c>
      <c r="B50" s="174">
        <v>72</v>
      </c>
      <c r="C50" s="177">
        <v>0.28338823677129094</v>
      </c>
      <c r="D50" s="92">
        <v>0.10460159662978047</v>
      </c>
      <c r="E50" s="177">
        <v>0.10943101203817061</v>
      </c>
      <c r="F50" s="92">
        <v>7.7150087155627184E-2</v>
      </c>
      <c r="G50" s="177">
        <v>0.60718075119053838</v>
      </c>
      <c r="H50" s="92">
        <v>0.11231761769421456</v>
      </c>
      <c r="I50" s="174">
        <v>72</v>
      </c>
      <c r="J50" s="177">
        <v>0.4106701405245935</v>
      </c>
      <c r="K50" s="92">
        <v>0.11305286441191567</v>
      </c>
      <c r="L50" s="177">
        <v>0.14010870863477903</v>
      </c>
      <c r="M50" s="92">
        <v>8.3902618975671667E-2</v>
      </c>
      <c r="N50" s="177">
        <v>0.44922115084062769</v>
      </c>
      <c r="O50" s="92">
        <v>0.11417571545705103</v>
      </c>
      <c r="P50" s="174">
        <v>72</v>
      </c>
      <c r="Q50" s="177">
        <v>0.46123221769267153</v>
      </c>
      <c r="R50" s="92">
        <v>0.11439798951436782</v>
      </c>
      <c r="S50" s="177">
        <v>9.2509303904723866E-2</v>
      </c>
      <c r="T50" s="92">
        <v>7.2898693614458693E-2</v>
      </c>
      <c r="U50" s="177">
        <v>0.44625847840260485</v>
      </c>
      <c r="V50" s="92">
        <v>0.11411164070597229</v>
      </c>
    </row>
    <row r="51" spans="1:22">
      <c r="A51" s="52" t="s">
        <v>548</v>
      </c>
      <c r="B51" s="173">
        <v>124</v>
      </c>
      <c r="C51" s="176">
        <v>0.25311929421856294</v>
      </c>
      <c r="D51" s="89">
        <v>7.7620828335567063E-2</v>
      </c>
      <c r="E51" s="176">
        <v>0.22285602543020722</v>
      </c>
      <c r="F51" s="89">
        <v>7.4564728109601658E-2</v>
      </c>
      <c r="G51" s="176">
        <v>0.5240246803512294</v>
      </c>
      <c r="H51" s="89">
        <v>8.8292540234803138E-2</v>
      </c>
      <c r="I51" s="173">
        <v>123</v>
      </c>
      <c r="J51" s="176">
        <v>0.39398569162282882</v>
      </c>
      <c r="K51" s="89">
        <v>8.6844559826708023E-2</v>
      </c>
      <c r="L51" s="176">
        <v>0.17663913358018024</v>
      </c>
      <c r="M51" s="89">
        <v>6.9172982420881921E-2</v>
      </c>
      <c r="N51" s="176">
        <v>0.42937517479699056</v>
      </c>
      <c r="O51" s="89">
        <v>8.7901409047230011E-2</v>
      </c>
      <c r="P51" s="173">
        <v>124</v>
      </c>
      <c r="Q51" s="176">
        <v>0.45105173499344281</v>
      </c>
      <c r="R51" s="89">
        <v>8.7989962738179536E-2</v>
      </c>
      <c r="S51" s="176">
        <v>0.12776187524070204</v>
      </c>
      <c r="T51" s="89">
        <v>6.1227940192789126E-2</v>
      </c>
      <c r="U51" s="176">
        <v>0.42118638976585487</v>
      </c>
      <c r="V51" s="89">
        <v>8.7351762452367157E-2</v>
      </c>
    </row>
    <row r="52" spans="1:22">
      <c r="A52" s="44" t="s">
        <v>549</v>
      </c>
      <c r="B52" s="174">
        <v>101</v>
      </c>
      <c r="C52" s="177">
        <v>0.15326056556496903</v>
      </c>
      <c r="D52" s="92">
        <v>7.2704890836449668E-2</v>
      </c>
      <c r="E52" s="177">
        <v>0.18931035782331332</v>
      </c>
      <c r="F52" s="92">
        <v>7.8239285847630527E-2</v>
      </c>
      <c r="G52" s="177">
        <v>0.65742907661171868</v>
      </c>
      <c r="H52" s="92">
        <v>9.3006587882166106E-2</v>
      </c>
      <c r="I52" s="174">
        <v>102</v>
      </c>
      <c r="J52" s="177">
        <v>0.33340263885595911</v>
      </c>
      <c r="K52" s="92">
        <v>9.2000920758027308E-2</v>
      </c>
      <c r="L52" s="177">
        <v>0.25277033567403884</v>
      </c>
      <c r="M52" s="92">
        <v>8.5429762470093873E-2</v>
      </c>
      <c r="N52" s="177">
        <v>0.413827025470003</v>
      </c>
      <c r="O52" s="92">
        <v>9.5783576906507822E-2</v>
      </c>
      <c r="P52" s="174">
        <v>103</v>
      </c>
      <c r="Q52" s="177">
        <v>0.35530974728782644</v>
      </c>
      <c r="R52" s="92">
        <v>9.2847121347913633E-2</v>
      </c>
      <c r="S52" s="177">
        <v>0.19230281021803186</v>
      </c>
      <c r="T52" s="92">
        <v>7.7885327506889451E-2</v>
      </c>
      <c r="U52" s="177">
        <v>0.45238744249414259</v>
      </c>
      <c r="V52" s="92">
        <v>9.6266640664216516E-2</v>
      </c>
    </row>
    <row r="53" spans="1:22">
      <c r="A53" s="52" t="s">
        <v>550</v>
      </c>
      <c r="B53" s="173">
        <v>132</v>
      </c>
      <c r="C53" s="176">
        <v>0.26748718948533351</v>
      </c>
      <c r="D53" s="89">
        <v>7.6518193945305082E-2</v>
      </c>
      <c r="E53" s="176">
        <v>0.16134779093184126</v>
      </c>
      <c r="F53" s="89">
        <v>6.4616895386235371E-2</v>
      </c>
      <c r="G53" s="176">
        <v>0.57116501958282551</v>
      </c>
      <c r="H53" s="89">
        <v>8.4927143235953934E-2</v>
      </c>
      <c r="I53" s="173">
        <v>132</v>
      </c>
      <c r="J53" s="176">
        <v>0.48005772460439772</v>
      </c>
      <c r="K53" s="89">
        <v>8.5685017464954882E-2</v>
      </c>
      <c r="L53" s="176">
        <v>9.7351230479121378E-2</v>
      </c>
      <c r="M53" s="89">
        <v>5.3487366941446797E-2</v>
      </c>
      <c r="N53" s="176">
        <v>0.42259104491648075</v>
      </c>
      <c r="O53" s="89">
        <v>8.4775681403233508E-2</v>
      </c>
      <c r="P53" s="173">
        <v>132</v>
      </c>
      <c r="Q53" s="176">
        <v>0.37198936620658141</v>
      </c>
      <c r="R53" s="89">
        <v>8.3059692765007478E-2</v>
      </c>
      <c r="S53" s="176">
        <v>0.22924068699449779</v>
      </c>
      <c r="T53" s="89">
        <v>7.2950096864306285E-2</v>
      </c>
      <c r="U53" s="176">
        <v>0.3987699467989208</v>
      </c>
      <c r="V53" s="89">
        <v>8.4077416566189875E-2</v>
      </c>
    </row>
    <row r="54" spans="1:22">
      <c r="A54" s="44" t="s">
        <v>551</v>
      </c>
      <c r="B54" s="174">
        <v>124</v>
      </c>
      <c r="C54" s="177">
        <v>0.19172516710170004</v>
      </c>
      <c r="D54" s="92">
        <v>7.0890189545389865E-2</v>
      </c>
      <c r="E54" s="177">
        <v>0.18344882505197824</v>
      </c>
      <c r="F54" s="92">
        <v>6.9812312653424954E-2</v>
      </c>
      <c r="G54" s="177">
        <v>0.6248260078463217</v>
      </c>
      <c r="H54" s="92">
        <v>8.5764411542199992E-2</v>
      </c>
      <c r="I54" s="174">
        <v>124</v>
      </c>
      <c r="J54" s="177">
        <v>0.35193456638550252</v>
      </c>
      <c r="K54" s="92">
        <v>8.4673163660046208E-2</v>
      </c>
      <c r="L54" s="177">
        <v>0.18133449230223175</v>
      </c>
      <c r="M54" s="92">
        <v>6.9529638045258524E-2</v>
      </c>
      <c r="N54" s="177">
        <v>0.46673094131226533</v>
      </c>
      <c r="O54" s="92">
        <v>8.8204532504132724E-2</v>
      </c>
      <c r="P54" s="174">
        <v>124</v>
      </c>
      <c r="Q54" s="177">
        <v>0.39314298159285804</v>
      </c>
      <c r="R54" s="92">
        <v>8.6473275895821655E-2</v>
      </c>
      <c r="S54" s="177">
        <v>0.1435289056706231</v>
      </c>
      <c r="T54" s="92">
        <v>6.3920420024723451E-2</v>
      </c>
      <c r="U54" s="177">
        <v>0.46332811273651847</v>
      </c>
      <c r="V54" s="92">
        <v>8.8164957445515488E-2</v>
      </c>
    </row>
    <row r="55" spans="1:22">
      <c r="A55" s="52" t="s">
        <v>543</v>
      </c>
      <c r="B55" s="173">
        <v>168</v>
      </c>
      <c r="C55" s="176">
        <v>0.12544641327073353</v>
      </c>
      <c r="D55" s="89">
        <v>5.1974696750705804E-2</v>
      </c>
      <c r="E55" s="176">
        <v>0.22605883736310733</v>
      </c>
      <c r="F55" s="89">
        <v>6.4412562105167964E-2</v>
      </c>
      <c r="G55" s="176">
        <v>0.64849474936615847</v>
      </c>
      <c r="H55" s="89">
        <v>7.2970684968931734E-2</v>
      </c>
      <c r="I55" s="173">
        <v>166</v>
      </c>
      <c r="J55" s="176">
        <v>0.29211432464513903</v>
      </c>
      <c r="K55" s="89">
        <v>7.0091257389027495E-2</v>
      </c>
      <c r="L55" s="176">
        <v>0.16106747752487716</v>
      </c>
      <c r="M55" s="89">
        <v>5.749005863825906E-2</v>
      </c>
      <c r="N55" s="176">
        <v>0.54681819782998298</v>
      </c>
      <c r="O55" s="89">
        <v>7.6375233606413809E-2</v>
      </c>
      <c r="P55" s="173">
        <v>168</v>
      </c>
      <c r="Q55" s="176">
        <v>0.36806557773563209</v>
      </c>
      <c r="R55" s="89">
        <v>7.3673305834571684E-2</v>
      </c>
      <c r="S55" s="176">
        <v>0.19445335956500157</v>
      </c>
      <c r="T55" s="89">
        <v>6.1177026098115844E-2</v>
      </c>
      <c r="U55" s="176">
        <v>0.43748106269936565</v>
      </c>
      <c r="V55" s="89">
        <v>7.5678491419783875E-2</v>
      </c>
    </row>
    <row r="56" spans="1:22">
      <c r="A56" s="44" t="s">
        <v>544</v>
      </c>
      <c r="B56" s="174">
        <v>49</v>
      </c>
      <c r="C56" s="177">
        <v>0.16260057587343149</v>
      </c>
      <c r="D56" s="92">
        <v>0.10735107568755123</v>
      </c>
      <c r="E56" s="177">
        <v>0.17384841286165553</v>
      </c>
      <c r="F56" s="92">
        <v>0.10957062536707313</v>
      </c>
      <c r="G56" s="177">
        <v>0.66355101126491323</v>
      </c>
      <c r="H56" s="92">
        <v>0.13092883858215745</v>
      </c>
      <c r="I56" s="174">
        <v>48</v>
      </c>
      <c r="J56" s="177">
        <v>0.18698925598014032</v>
      </c>
      <c r="K56" s="92">
        <v>0.1131770990360802</v>
      </c>
      <c r="L56" s="177">
        <v>0.25015319064612956</v>
      </c>
      <c r="M56" s="92">
        <v>0.12304183365777575</v>
      </c>
      <c r="N56" s="177">
        <v>0.56285755337373</v>
      </c>
      <c r="O56" s="92">
        <v>0.13773815908699427</v>
      </c>
      <c r="P56" s="174">
        <v>49</v>
      </c>
      <c r="Q56" s="177">
        <v>0.44601662434874945</v>
      </c>
      <c r="R56" s="92">
        <v>0.13667454135839668</v>
      </c>
      <c r="S56" s="177">
        <v>0.20308409488604884</v>
      </c>
      <c r="T56" s="92">
        <v>0.11480773770824473</v>
      </c>
      <c r="U56" s="177">
        <v>0.3508992807652016</v>
      </c>
      <c r="V56" s="92">
        <v>0.13203715156164897</v>
      </c>
    </row>
    <row r="57" spans="1:22">
      <c r="A57" s="52" t="s">
        <v>552</v>
      </c>
      <c r="B57" s="173">
        <v>119</v>
      </c>
      <c r="C57" s="176">
        <v>0.10979599995772008</v>
      </c>
      <c r="D57" s="89">
        <v>5.9121714964953886E-2</v>
      </c>
      <c r="E57" s="176">
        <v>0.24805138585446473</v>
      </c>
      <c r="F57" s="89">
        <v>7.8726328562541761E-2</v>
      </c>
      <c r="G57" s="176">
        <v>0.64215261418781455</v>
      </c>
      <c r="H57" s="89">
        <v>8.6688970942411001E-2</v>
      </c>
      <c r="I57" s="173">
        <v>118</v>
      </c>
      <c r="J57" s="176">
        <v>0.33618381329197822</v>
      </c>
      <c r="K57" s="89">
        <v>8.5869731674386912E-2</v>
      </c>
      <c r="L57" s="176">
        <v>0.12372184842946675</v>
      </c>
      <c r="M57" s="89">
        <v>6.2080547857099391E-2</v>
      </c>
      <c r="N57" s="176">
        <v>0.54009433827855424</v>
      </c>
      <c r="O57" s="89">
        <v>9.0263027206276714E-2</v>
      </c>
      <c r="P57" s="173">
        <v>119</v>
      </c>
      <c r="Q57" s="176">
        <v>0.33523033096334492</v>
      </c>
      <c r="R57" s="89">
        <v>8.5461546637992894E-2</v>
      </c>
      <c r="S57" s="176">
        <v>0.19081784296316048</v>
      </c>
      <c r="T57" s="89">
        <v>7.2251315461174928E-2</v>
      </c>
      <c r="U57" s="176">
        <v>0.47395182607349384</v>
      </c>
      <c r="V57" s="89">
        <v>9.0052361574885345E-2</v>
      </c>
    </row>
    <row r="58" spans="1:22">
      <c r="A58" s="44" t="s">
        <v>545</v>
      </c>
      <c r="B58" s="174">
        <v>190</v>
      </c>
      <c r="C58" s="177">
        <v>0.2782506788431135</v>
      </c>
      <c r="D58" s="92">
        <v>6.4669513004190965E-2</v>
      </c>
      <c r="E58" s="177">
        <v>0.14963385694448714</v>
      </c>
      <c r="F58" s="92">
        <v>5.2219501034844441E-2</v>
      </c>
      <c r="G58" s="177">
        <v>0.57211546421239834</v>
      </c>
      <c r="H58" s="92">
        <v>7.1075915315326088E-2</v>
      </c>
      <c r="I58" s="174">
        <v>190</v>
      </c>
      <c r="J58" s="177">
        <v>0.37972810668360457</v>
      </c>
      <c r="K58" s="92">
        <v>6.9775048045287405E-2</v>
      </c>
      <c r="L58" s="177">
        <v>0.10353486687880388</v>
      </c>
      <c r="M58" s="92">
        <v>4.5232598039682964E-2</v>
      </c>
      <c r="N58" s="177">
        <v>0.5167370264375909</v>
      </c>
      <c r="O58" s="92">
        <v>7.1757223068152465E-2</v>
      </c>
      <c r="P58" s="174">
        <v>192</v>
      </c>
      <c r="Q58" s="177">
        <v>0.50753030752585959</v>
      </c>
      <c r="R58" s="92">
        <v>7.142079748590198E-2</v>
      </c>
      <c r="S58" s="177">
        <v>0.1302769043601934</v>
      </c>
      <c r="T58" s="92">
        <v>4.9244764466861865E-2</v>
      </c>
      <c r="U58" s="177">
        <v>0.36219278811394612</v>
      </c>
      <c r="V58" s="92">
        <v>6.8775944807691988E-2</v>
      </c>
    </row>
    <row r="61" spans="1:22" ht="18.75">
      <c r="A61" s="337" t="s">
        <v>233</v>
      </c>
      <c r="B61" s="337"/>
      <c r="C61" s="337"/>
      <c r="D61" s="337"/>
    </row>
    <row r="62" spans="1:22" ht="112.5" customHeight="1">
      <c r="A62" s="391" t="s">
        <v>396</v>
      </c>
      <c r="B62" s="391"/>
      <c r="C62" s="391"/>
      <c r="D62" s="391"/>
    </row>
    <row r="63" spans="1:22" ht="39" customHeight="1">
      <c r="A63" s="404" t="s">
        <v>234</v>
      </c>
      <c r="B63" s="404"/>
      <c r="C63" s="404"/>
      <c r="D63" s="404"/>
    </row>
    <row r="64" spans="1:22" ht="39" customHeight="1">
      <c r="A64" s="32" t="s">
        <v>71</v>
      </c>
      <c r="B64" s="33" t="s">
        <v>72</v>
      </c>
      <c r="C64" s="34" t="s">
        <v>588</v>
      </c>
      <c r="D64" s="35" t="s">
        <v>73</v>
      </c>
    </row>
    <row r="65" spans="1:4" ht="72">
      <c r="A65" s="36"/>
      <c r="B65" s="37" t="s">
        <v>74</v>
      </c>
      <c r="C65" s="123" t="s">
        <v>134</v>
      </c>
      <c r="D65" s="39" t="s">
        <v>76</v>
      </c>
    </row>
    <row r="66" spans="1:4">
      <c r="A66" s="40" t="s">
        <v>350</v>
      </c>
      <c r="B66" s="178">
        <v>13917</v>
      </c>
      <c r="C66" s="79">
        <v>3.2074450421480307</v>
      </c>
      <c r="D66" s="80">
        <v>2.489005461921338E-2</v>
      </c>
    </row>
    <row r="67" spans="1:4">
      <c r="A67" s="44" t="s">
        <v>351</v>
      </c>
      <c r="B67" s="44">
        <v>10206</v>
      </c>
      <c r="C67" s="181">
        <v>3.3536985486791351</v>
      </c>
      <c r="D67" s="182">
        <v>2.8654610158544529E-2</v>
      </c>
    </row>
    <row r="68" spans="1:4">
      <c r="A68" s="40" t="s">
        <v>352</v>
      </c>
      <c r="B68" s="48">
        <v>3711</v>
      </c>
      <c r="C68" s="79">
        <v>3.0887609169298753</v>
      </c>
      <c r="D68" s="80">
        <v>4.8343121708030068E-2</v>
      </c>
    </row>
    <row r="69" spans="1:4">
      <c r="A69" s="44" t="s">
        <v>534</v>
      </c>
      <c r="B69" s="44">
        <v>1880</v>
      </c>
      <c r="C69" s="181">
        <v>3.1191115264653311</v>
      </c>
      <c r="D69" s="182">
        <v>6.5681506085556743E-2</v>
      </c>
    </row>
    <row r="70" spans="1:4">
      <c r="A70" s="40" t="s">
        <v>535</v>
      </c>
      <c r="B70" s="48">
        <v>1535</v>
      </c>
      <c r="C70" s="79">
        <v>3.1231273629262319</v>
      </c>
      <c r="D70" s="80">
        <v>7.2290390710254102E-2</v>
      </c>
    </row>
    <row r="71" spans="1:4">
      <c r="A71" s="44" t="s">
        <v>546</v>
      </c>
      <c r="B71" s="44">
        <v>349</v>
      </c>
      <c r="C71" s="181">
        <v>3.1054223707621533</v>
      </c>
      <c r="D71" s="182">
        <v>0.15628421837059195</v>
      </c>
    </row>
    <row r="72" spans="1:4">
      <c r="A72" s="40" t="s">
        <v>536</v>
      </c>
      <c r="B72" s="48">
        <v>296</v>
      </c>
      <c r="C72" s="79">
        <v>3.3059966962851108</v>
      </c>
      <c r="D72" s="80">
        <v>0.17381599098384093</v>
      </c>
    </row>
    <row r="73" spans="1:4">
      <c r="A73" s="44" t="s">
        <v>537</v>
      </c>
      <c r="B73" s="44">
        <v>87</v>
      </c>
      <c r="C73" s="181">
        <v>3.5934684483062274</v>
      </c>
      <c r="D73" s="182">
        <v>0.33588493199398517</v>
      </c>
    </row>
    <row r="74" spans="1:4">
      <c r="A74" s="40" t="s">
        <v>538</v>
      </c>
      <c r="B74" s="48">
        <v>90</v>
      </c>
      <c r="C74" s="79">
        <v>3.4406742755160153</v>
      </c>
      <c r="D74" s="80">
        <v>0.29531393121005833</v>
      </c>
    </row>
    <row r="75" spans="1:4">
      <c r="A75" s="44" t="s">
        <v>539</v>
      </c>
      <c r="B75" s="44">
        <v>100</v>
      </c>
      <c r="C75" s="181">
        <v>3.0834588345902487</v>
      </c>
      <c r="D75" s="182">
        <v>0.294153760764573</v>
      </c>
    </row>
    <row r="76" spans="1:4">
      <c r="A76" s="40" t="s">
        <v>540</v>
      </c>
      <c r="B76" s="178">
        <v>112</v>
      </c>
      <c r="C76" s="79">
        <v>3.4127827622968412</v>
      </c>
      <c r="D76" s="80">
        <v>0.24654915632888805</v>
      </c>
    </row>
    <row r="77" spans="1:4">
      <c r="A77" s="44" t="s">
        <v>541</v>
      </c>
      <c r="B77" s="180">
        <v>113</v>
      </c>
      <c r="C77" s="181">
        <v>3.5560164766013438</v>
      </c>
      <c r="D77" s="182">
        <v>0.27516599084408566</v>
      </c>
    </row>
    <row r="78" spans="1:4">
      <c r="A78" s="40" t="s">
        <v>542</v>
      </c>
      <c r="B78" s="78">
        <v>173</v>
      </c>
      <c r="C78" s="79">
        <v>3.3180787458585188</v>
      </c>
      <c r="D78" s="80">
        <v>0.20007230735533041</v>
      </c>
    </row>
    <row r="79" spans="1:4">
      <c r="A79" s="44" t="s">
        <v>547</v>
      </c>
      <c r="B79" s="180">
        <v>72</v>
      </c>
      <c r="C79" s="181">
        <v>3.2610566630338611</v>
      </c>
      <c r="D79" s="182">
        <v>0.29655051671453642</v>
      </c>
    </row>
    <row r="80" spans="1:4">
      <c r="A80" s="52" t="s">
        <v>548</v>
      </c>
      <c r="B80" s="178">
        <v>124</v>
      </c>
      <c r="C80" s="79">
        <v>2.8527982373029919</v>
      </c>
      <c r="D80" s="80">
        <v>0.2610846285187623</v>
      </c>
    </row>
    <row r="81" spans="1:30">
      <c r="A81" s="44" t="s">
        <v>549</v>
      </c>
      <c r="B81" s="180">
        <v>101</v>
      </c>
      <c r="C81" s="181">
        <v>3.2280749841778653</v>
      </c>
      <c r="D81" s="182">
        <v>0.2759626647703553</v>
      </c>
    </row>
    <row r="82" spans="1:30">
      <c r="A82" s="52" t="s">
        <v>550</v>
      </c>
      <c r="B82" s="178">
        <v>131</v>
      </c>
      <c r="C82" s="79">
        <v>2.6976903256778328</v>
      </c>
      <c r="D82" s="80">
        <v>0.24969855793397017</v>
      </c>
    </row>
    <row r="83" spans="1:30">
      <c r="A83" s="44" t="s">
        <v>551</v>
      </c>
      <c r="B83" s="180">
        <v>124</v>
      </c>
      <c r="C83" s="181">
        <v>2.9385151216987246</v>
      </c>
      <c r="D83" s="182">
        <v>0.25326528706370471</v>
      </c>
    </row>
    <row r="84" spans="1:30">
      <c r="A84" s="52" t="s">
        <v>543</v>
      </c>
      <c r="B84" s="178">
        <v>167</v>
      </c>
      <c r="C84" s="79">
        <v>3.3020184280457903</v>
      </c>
      <c r="D84" s="80">
        <v>0.20367398969151265</v>
      </c>
    </row>
    <row r="85" spans="1:30">
      <c r="A85" s="44" t="s">
        <v>544</v>
      </c>
      <c r="B85" s="180">
        <v>49</v>
      </c>
      <c r="C85" s="181">
        <v>3.2503537604047508</v>
      </c>
      <c r="D85" s="182">
        <v>0.40509715341347896</v>
      </c>
      <c r="P85" s="242"/>
      <c r="Q85" s="242"/>
      <c r="R85" s="242"/>
      <c r="S85" s="242"/>
      <c r="T85" s="242"/>
      <c r="U85" s="242"/>
      <c r="V85" s="242"/>
      <c r="W85" s="242"/>
      <c r="X85" s="242"/>
      <c r="Y85" s="242"/>
      <c r="Z85" s="242"/>
      <c r="AA85" s="242"/>
      <c r="AB85" s="242"/>
      <c r="AC85" s="242"/>
      <c r="AD85" s="242"/>
    </row>
    <row r="86" spans="1:30">
      <c r="A86" s="52" t="s">
        <v>552</v>
      </c>
      <c r="B86" s="178">
        <v>118</v>
      </c>
      <c r="C86" s="79">
        <v>3.323977022823307</v>
      </c>
      <c r="D86" s="80">
        <v>0.23523987934886298</v>
      </c>
      <c r="P86" s="242"/>
      <c r="Q86" s="242"/>
      <c r="R86" s="242"/>
      <c r="S86" s="242"/>
      <c r="T86" s="242"/>
      <c r="U86" s="242"/>
      <c r="V86" s="242"/>
      <c r="W86" s="242"/>
      <c r="X86" s="242"/>
      <c r="Y86" s="242"/>
      <c r="Z86" s="242"/>
      <c r="AA86" s="242"/>
      <c r="AB86" s="242"/>
      <c r="AC86" s="242"/>
      <c r="AD86" s="242"/>
    </row>
    <row r="87" spans="1:30">
      <c r="A87" s="44" t="s">
        <v>545</v>
      </c>
      <c r="B87" s="180">
        <v>190</v>
      </c>
      <c r="C87" s="181">
        <v>3.1597214424531139</v>
      </c>
      <c r="D87" s="182">
        <v>0.20284419506757559</v>
      </c>
      <c r="P87" s="242"/>
      <c r="Q87" s="242"/>
      <c r="R87" s="242"/>
      <c r="S87" s="242"/>
      <c r="T87" s="242"/>
      <c r="U87" s="242"/>
      <c r="V87" s="242"/>
      <c r="W87" s="242"/>
      <c r="X87" s="242"/>
      <c r="Y87" s="242"/>
      <c r="Z87" s="242"/>
      <c r="AA87" s="242"/>
      <c r="AB87" s="242"/>
      <c r="AC87" s="242"/>
      <c r="AD87" s="242"/>
    </row>
    <row r="88" spans="1:30">
      <c r="P88" s="242"/>
      <c r="Q88" s="242"/>
      <c r="R88" s="242"/>
      <c r="S88" s="242"/>
      <c r="T88" s="242"/>
      <c r="U88" s="242"/>
      <c r="V88" s="242"/>
      <c r="W88" s="242"/>
      <c r="X88" s="242"/>
      <c r="Y88" s="242"/>
      <c r="Z88" s="242"/>
      <c r="AA88" s="242"/>
      <c r="AB88" s="242"/>
      <c r="AC88" s="242"/>
      <c r="AD88" s="242"/>
    </row>
    <row r="89" spans="1:30">
      <c r="P89" s="242"/>
      <c r="Q89" s="242"/>
      <c r="R89" s="242"/>
      <c r="S89" s="242"/>
      <c r="T89" s="242"/>
      <c r="U89" s="242"/>
      <c r="V89" s="242"/>
      <c r="W89" s="242"/>
      <c r="X89" s="242"/>
      <c r="Y89" s="242"/>
      <c r="Z89" s="242"/>
      <c r="AA89" s="242"/>
      <c r="AB89" s="242"/>
      <c r="AC89" s="242"/>
      <c r="AD89" s="242"/>
    </row>
    <row r="90" spans="1:30" ht="18.75">
      <c r="A90" s="337" t="s">
        <v>46</v>
      </c>
      <c r="B90" s="337"/>
      <c r="C90" s="337"/>
      <c r="D90" s="337"/>
      <c r="E90" s="337"/>
      <c r="F90" s="337"/>
      <c r="G90" s="337"/>
      <c r="H90" s="337"/>
      <c r="I90" s="337"/>
      <c r="J90" s="337"/>
      <c r="K90" s="337"/>
      <c r="L90" s="337"/>
      <c r="M90" s="337"/>
      <c r="N90" s="337"/>
      <c r="O90" s="337"/>
      <c r="P90" s="337"/>
      <c r="Q90" s="337"/>
      <c r="R90" s="337"/>
      <c r="S90" s="337"/>
      <c r="T90" s="337"/>
      <c r="U90" s="337"/>
      <c r="V90" s="337"/>
      <c r="W90" s="224"/>
      <c r="X90" s="224"/>
      <c r="Y90" s="224"/>
      <c r="Z90" s="224"/>
      <c r="AA90" s="224"/>
      <c r="AB90" s="224"/>
      <c r="AC90" s="224"/>
      <c r="AD90" s="242"/>
    </row>
    <row r="91" spans="1:30" ht="38.25" customHeight="1">
      <c r="A91" s="407" t="s">
        <v>591</v>
      </c>
      <c r="B91" s="407"/>
      <c r="C91" s="407"/>
      <c r="D91" s="407"/>
      <c r="E91" s="407"/>
      <c r="F91" s="407"/>
      <c r="G91" s="407"/>
      <c r="H91" s="407"/>
      <c r="I91" s="407"/>
      <c r="J91" s="407"/>
      <c r="K91" s="407"/>
      <c r="L91" s="407"/>
      <c r="M91" s="407"/>
      <c r="N91" s="407"/>
      <c r="O91" s="407"/>
      <c r="P91" s="407"/>
      <c r="Q91" s="407"/>
      <c r="R91" s="407"/>
      <c r="S91" s="407"/>
      <c r="T91" s="407"/>
      <c r="U91" s="407"/>
      <c r="V91" s="407"/>
      <c r="W91" s="239"/>
      <c r="X91" s="239"/>
      <c r="Y91" s="239"/>
      <c r="Z91" s="239"/>
      <c r="AA91" s="239"/>
      <c r="AB91" s="239"/>
      <c r="AC91" s="239"/>
      <c r="AD91" s="242"/>
    </row>
    <row r="92" spans="1:30" ht="38.25" customHeight="1">
      <c r="A92" s="59"/>
      <c r="B92" s="339" t="s">
        <v>397</v>
      </c>
      <c r="C92" s="339"/>
      <c r="D92" s="339"/>
      <c r="E92" s="339"/>
      <c r="F92" s="339"/>
      <c r="G92" s="339"/>
      <c r="H92" s="339"/>
      <c r="I92" s="339" t="s">
        <v>217</v>
      </c>
      <c r="J92" s="339"/>
      <c r="K92" s="339"/>
      <c r="L92" s="339"/>
      <c r="M92" s="339"/>
      <c r="N92" s="339"/>
      <c r="O92" s="339"/>
      <c r="P92" s="392" t="s">
        <v>218</v>
      </c>
      <c r="Q92" s="393"/>
      <c r="R92" s="393"/>
      <c r="S92" s="393"/>
      <c r="T92" s="393"/>
      <c r="U92" s="393"/>
      <c r="V92" s="394"/>
    </row>
    <row r="93" spans="1:30" ht="72">
      <c r="A93" s="32" t="s">
        <v>71</v>
      </c>
      <c r="B93" s="33" t="s">
        <v>72</v>
      </c>
      <c r="C93" s="33" t="s">
        <v>180</v>
      </c>
      <c r="D93" s="84" t="s">
        <v>135</v>
      </c>
      <c r="E93" s="33" t="s">
        <v>181</v>
      </c>
      <c r="F93" s="84" t="s">
        <v>136</v>
      </c>
      <c r="G93" s="33" t="s">
        <v>182</v>
      </c>
      <c r="H93" s="84" t="s">
        <v>137</v>
      </c>
      <c r="I93" s="60" t="s">
        <v>72</v>
      </c>
      <c r="J93" s="60" t="s">
        <v>180</v>
      </c>
      <c r="K93" s="83" t="s">
        <v>135</v>
      </c>
      <c r="L93" s="60" t="s">
        <v>181</v>
      </c>
      <c r="M93" s="83" t="s">
        <v>136</v>
      </c>
      <c r="N93" s="60" t="s">
        <v>182</v>
      </c>
      <c r="O93" s="83" t="s">
        <v>137</v>
      </c>
      <c r="P93" s="33" t="s">
        <v>72</v>
      </c>
      <c r="Q93" s="33" t="s">
        <v>180</v>
      </c>
      <c r="R93" s="84" t="s">
        <v>135</v>
      </c>
      <c r="S93" s="33" t="s">
        <v>181</v>
      </c>
      <c r="T93" s="84" t="s">
        <v>136</v>
      </c>
      <c r="U93" s="33" t="s">
        <v>182</v>
      </c>
      <c r="V93" s="84" t="s">
        <v>137</v>
      </c>
    </row>
    <row r="94" spans="1:30" ht="72">
      <c r="A94" s="36"/>
      <c r="B94" s="37" t="s">
        <v>74</v>
      </c>
      <c r="C94" s="37" t="s">
        <v>159</v>
      </c>
      <c r="D94" s="86" t="s">
        <v>88</v>
      </c>
      <c r="E94" s="37" t="s">
        <v>160</v>
      </c>
      <c r="F94" s="86" t="s">
        <v>88</v>
      </c>
      <c r="G94" s="37" t="s">
        <v>161</v>
      </c>
      <c r="H94" s="86" t="s">
        <v>88</v>
      </c>
      <c r="I94" s="63" t="s">
        <v>74</v>
      </c>
      <c r="J94" s="63" t="s">
        <v>159</v>
      </c>
      <c r="K94" s="85" t="s">
        <v>88</v>
      </c>
      <c r="L94" s="63" t="s">
        <v>160</v>
      </c>
      <c r="M94" s="85" t="s">
        <v>88</v>
      </c>
      <c r="N94" s="63" t="s">
        <v>161</v>
      </c>
      <c r="O94" s="85" t="s">
        <v>88</v>
      </c>
      <c r="P94" s="37" t="s">
        <v>74</v>
      </c>
      <c r="Q94" s="37" t="s">
        <v>159</v>
      </c>
      <c r="R94" s="86" t="s">
        <v>88</v>
      </c>
      <c r="S94" s="37" t="s">
        <v>160</v>
      </c>
      <c r="T94" s="86" t="s">
        <v>88</v>
      </c>
      <c r="U94" s="37" t="s">
        <v>161</v>
      </c>
      <c r="V94" s="86" t="s">
        <v>88</v>
      </c>
    </row>
    <row r="95" spans="1:30">
      <c r="A95" s="40" t="s">
        <v>350</v>
      </c>
      <c r="B95" s="178">
        <v>13864</v>
      </c>
      <c r="C95" s="183">
        <v>0.36941685225473447</v>
      </c>
      <c r="D95" s="89">
        <v>8.1971291735852322E-3</v>
      </c>
      <c r="E95" s="183">
        <v>0.18191280805711105</v>
      </c>
      <c r="F95" s="89">
        <v>6.5529921928604217E-3</v>
      </c>
      <c r="G95" s="183">
        <v>0.4486703396881711</v>
      </c>
      <c r="H95" s="89">
        <v>8.4468303567892446E-3</v>
      </c>
      <c r="I95" s="178">
        <v>13874</v>
      </c>
      <c r="J95" s="183">
        <v>0.68703414810968599</v>
      </c>
      <c r="K95" s="89">
        <v>7.8727154349536518E-3</v>
      </c>
      <c r="L95" s="183">
        <v>0.10693583474896291</v>
      </c>
      <c r="M95" s="89">
        <v>5.2489435293593826E-3</v>
      </c>
      <c r="N95" s="183">
        <v>0.20603001714136485</v>
      </c>
      <c r="O95" s="89">
        <v>6.8675203366448962E-3</v>
      </c>
      <c r="P95" s="178">
        <v>13801</v>
      </c>
      <c r="Q95" s="183">
        <v>0.63243341264434283</v>
      </c>
      <c r="R95" s="89">
        <v>8.2072317890079828E-3</v>
      </c>
      <c r="S95" s="183">
        <v>0.11159186567701865</v>
      </c>
      <c r="T95" s="89">
        <v>5.3619862697563397E-3</v>
      </c>
      <c r="U95" s="183">
        <v>0.25597472167865454</v>
      </c>
      <c r="V95" s="89">
        <v>7.429224998737969E-3</v>
      </c>
    </row>
    <row r="96" spans="1:30">
      <c r="A96" s="44" t="s">
        <v>351</v>
      </c>
      <c r="B96" s="180">
        <v>10169</v>
      </c>
      <c r="C96" s="184">
        <v>0.29921799622467765</v>
      </c>
      <c r="D96" s="92">
        <v>9.0807897432153995E-3</v>
      </c>
      <c r="E96" s="184">
        <v>0.17364389363614335</v>
      </c>
      <c r="F96" s="92">
        <v>7.513556227539942E-3</v>
      </c>
      <c r="G96" s="184">
        <v>0.52713811013917389</v>
      </c>
      <c r="H96" s="92">
        <v>9.9000033665326351E-3</v>
      </c>
      <c r="I96" s="180">
        <v>10178</v>
      </c>
      <c r="J96" s="184">
        <v>0.67399356076051931</v>
      </c>
      <c r="K96" s="92">
        <v>9.2913305987163321E-3</v>
      </c>
      <c r="L96" s="184">
        <v>9.8012257373976036E-2</v>
      </c>
      <c r="M96" s="92">
        <v>5.8974672176965066E-3</v>
      </c>
      <c r="N96" s="184">
        <v>0.22799418186549908</v>
      </c>
      <c r="O96" s="92">
        <v>8.3168201397571546E-3</v>
      </c>
      <c r="P96" s="180">
        <v>10110</v>
      </c>
      <c r="Q96" s="184">
        <v>0.64785030239475649</v>
      </c>
      <c r="R96" s="92">
        <v>9.4991767243926203E-3</v>
      </c>
      <c r="S96" s="184">
        <v>9.3200115458179425E-2</v>
      </c>
      <c r="T96" s="92">
        <v>5.7858673099878671E-3</v>
      </c>
      <c r="U96" s="184">
        <v>0.25894958214705782</v>
      </c>
      <c r="V96" s="92">
        <v>8.7126847142486377E-3</v>
      </c>
    </row>
    <row r="97" spans="1:22">
      <c r="A97" s="40" t="s">
        <v>352</v>
      </c>
      <c r="B97" s="178">
        <v>3695</v>
      </c>
      <c r="C97" s="183">
        <v>0.4264237590466618</v>
      </c>
      <c r="D97" s="89">
        <v>1.6263517916383152E-2</v>
      </c>
      <c r="E97" s="183">
        <v>0.18862780685231045</v>
      </c>
      <c r="F97" s="89">
        <v>1.2873537070686917E-2</v>
      </c>
      <c r="G97" s="183">
        <v>0.38494843410102897</v>
      </c>
      <c r="H97" s="89">
        <v>1.6001883833632921E-2</v>
      </c>
      <c r="I97" s="178">
        <v>3696</v>
      </c>
      <c r="J97" s="183">
        <v>0.69762716992267959</v>
      </c>
      <c r="K97" s="89">
        <v>1.5104246853814672E-2</v>
      </c>
      <c r="L97" s="183">
        <v>0.11418456114849343</v>
      </c>
      <c r="M97" s="89">
        <v>1.0473550661158119E-2</v>
      </c>
      <c r="N97" s="183">
        <v>0.18818826892882773</v>
      </c>
      <c r="O97" s="89">
        <v>1.2860311892058386E-2</v>
      </c>
      <c r="P97" s="178">
        <v>3691</v>
      </c>
      <c r="Q97" s="183">
        <v>0.61996938191198347</v>
      </c>
      <c r="R97" s="89">
        <v>1.5971506831509177E-2</v>
      </c>
      <c r="S97" s="183">
        <v>0.12646096986470978</v>
      </c>
      <c r="T97" s="89">
        <v>1.0950523604734065E-2</v>
      </c>
      <c r="U97" s="183">
        <v>0.25356964822330663</v>
      </c>
      <c r="V97" s="89">
        <v>1.4319134386208946E-2</v>
      </c>
    </row>
    <row r="98" spans="1:22">
      <c r="A98" s="44" t="s">
        <v>534</v>
      </c>
      <c r="B98" s="180">
        <v>1868</v>
      </c>
      <c r="C98" s="184">
        <v>0.36605327489353079</v>
      </c>
      <c r="D98" s="92">
        <v>2.2271386867061121E-2</v>
      </c>
      <c r="E98" s="184">
        <v>0.19570653017711556</v>
      </c>
      <c r="F98" s="92">
        <v>1.8362492226662603E-2</v>
      </c>
      <c r="G98" s="184">
        <v>0.43824019492935579</v>
      </c>
      <c r="H98" s="92">
        <v>2.2936274100404958E-2</v>
      </c>
      <c r="I98" s="180">
        <v>1879</v>
      </c>
      <c r="J98" s="184">
        <v>0.71742237064223757</v>
      </c>
      <c r="K98" s="92">
        <v>2.0762324352016123E-2</v>
      </c>
      <c r="L98" s="184">
        <v>9.9855781774914221E-2</v>
      </c>
      <c r="M98" s="92">
        <v>1.3870207755239698E-2</v>
      </c>
      <c r="N98" s="184">
        <v>0.18272184758285129</v>
      </c>
      <c r="O98" s="92">
        <v>1.7836324395826393E-2</v>
      </c>
      <c r="P98" s="180">
        <v>1860</v>
      </c>
      <c r="Q98" s="184">
        <v>0.66913103283550657</v>
      </c>
      <c r="R98" s="92">
        <v>2.1802731035364255E-2</v>
      </c>
      <c r="S98" s="184">
        <v>0.11357744349190582</v>
      </c>
      <c r="T98" s="92">
        <v>1.4745173708870081E-2</v>
      </c>
      <c r="U98" s="184">
        <v>0.217291523672591</v>
      </c>
      <c r="V98" s="92">
        <v>1.9123417277333056E-2</v>
      </c>
    </row>
    <row r="99" spans="1:22">
      <c r="A99" s="40" t="s">
        <v>535</v>
      </c>
      <c r="B99" s="178">
        <v>1527</v>
      </c>
      <c r="C99" s="183">
        <v>0.34952630407133689</v>
      </c>
      <c r="D99" s="89">
        <v>2.4378670969764593E-2</v>
      </c>
      <c r="E99" s="183">
        <v>0.18849501276898858</v>
      </c>
      <c r="F99" s="89">
        <v>2.0024219403258443E-2</v>
      </c>
      <c r="G99" s="183">
        <v>0.461978683159674</v>
      </c>
      <c r="H99" s="89">
        <v>2.5483536697541005E-2</v>
      </c>
      <c r="I99" s="178">
        <v>1536</v>
      </c>
      <c r="J99" s="183">
        <v>0.72432446167690046</v>
      </c>
      <c r="K99" s="89">
        <v>2.2788673798921164E-2</v>
      </c>
      <c r="L99" s="183">
        <v>9.9086972435046355E-2</v>
      </c>
      <c r="M99" s="89">
        <v>1.5298130563761957E-2</v>
      </c>
      <c r="N99" s="183">
        <v>0.17658856588805219</v>
      </c>
      <c r="O99" s="89">
        <v>1.9470102892293669E-2</v>
      </c>
      <c r="P99" s="178">
        <v>1515</v>
      </c>
      <c r="Q99" s="183">
        <v>0.69051149256739264</v>
      </c>
      <c r="R99" s="89">
        <v>2.373300408549165E-2</v>
      </c>
      <c r="S99" s="183">
        <v>9.9630378210527462E-2</v>
      </c>
      <c r="T99" s="89">
        <v>1.5441475410630281E-2</v>
      </c>
      <c r="U99" s="183">
        <v>0.20985812922208022</v>
      </c>
      <c r="V99" s="89">
        <v>2.0924043172196441E-2</v>
      </c>
    </row>
    <row r="100" spans="1:22">
      <c r="A100" s="44" t="s">
        <v>546</v>
      </c>
      <c r="B100" s="180">
        <v>345</v>
      </c>
      <c r="C100" s="184">
        <v>0.42274138161594443</v>
      </c>
      <c r="D100" s="92">
        <v>5.2900636119733439E-2</v>
      </c>
      <c r="E100" s="184">
        <v>0.21680622498420102</v>
      </c>
      <c r="F100" s="92">
        <v>4.4351954784938745E-2</v>
      </c>
      <c r="G100" s="184">
        <v>0.36045239339985385</v>
      </c>
      <c r="H100" s="92">
        <v>5.145118053936909E-2</v>
      </c>
      <c r="I100" s="180">
        <v>347</v>
      </c>
      <c r="J100" s="184">
        <v>0.69801964004765404</v>
      </c>
      <c r="K100" s="92">
        <v>4.9114883116048863E-2</v>
      </c>
      <c r="L100" s="184">
        <v>0.10127162012399589</v>
      </c>
      <c r="M100" s="92">
        <v>3.2837093576269238E-2</v>
      </c>
      <c r="N100" s="184">
        <v>0.20070873982834869</v>
      </c>
      <c r="O100" s="92">
        <v>4.3027151020060266E-2</v>
      </c>
      <c r="P100" s="180">
        <v>348</v>
      </c>
      <c r="Q100" s="184">
        <v>0.60403715509722711</v>
      </c>
      <c r="R100" s="92">
        <v>5.2160249855873121E-2</v>
      </c>
      <c r="S100" s="184">
        <v>0.15664501984638546</v>
      </c>
      <c r="T100" s="92">
        <v>3.9134313021719797E-2</v>
      </c>
      <c r="U100" s="184">
        <v>0.23931782505638632</v>
      </c>
      <c r="V100" s="92">
        <v>4.5674299609103838E-2</v>
      </c>
    </row>
    <row r="101" spans="1:22">
      <c r="A101" s="40" t="s">
        <v>536</v>
      </c>
      <c r="B101" s="178">
        <v>293</v>
      </c>
      <c r="C101" s="183">
        <v>0.32179644229366305</v>
      </c>
      <c r="D101" s="89">
        <v>5.4320798696062912E-2</v>
      </c>
      <c r="E101" s="183">
        <v>0.15686130607691057</v>
      </c>
      <c r="F101" s="89">
        <v>4.2704219487308265E-2</v>
      </c>
      <c r="G101" s="183">
        <v>0.52134225162942383</v>
      </c>
      <c r="H101" s="89">
        <v>5.7974416139860548E-2</v>
      </c>
      <c r="I101" s="178">
        <v>296</v>
      </c>
      <c r="J101" s="183">
        <v>0.67266153937250606</v>
      </c>
      <c r="K101" s="89">
        <v>5.4280466685198661E-2</v>
      </c>
      <c r="L101" s="183">
        <v>5.8814116905681758E-2</v>
      </c>
      <c r="M101" s="89">
        <v>2.840444704559569E-2</v>
      </c>
      <c r="N101" s="183">
        <v>0.26852434372180989</v>
      </c>
      <c r="O101" s="89">
        <v>5.1359948229695439E-2</v>
      </c>
      <c r="P101" s="178">
        <v>292</v>
      </c>
      <c r="Q101" s="183">
        <v>0.64382078896008255</v>
      </c>
      <c r="R101" s="89">
        <v>5.5734753306869479E-2</v>
      </c>
      <c r="S101" s="183">
        <v>0.10536338245069037</v>
      </c>
      <c r="T101" s="89">
        <v>3.6473358794631032E-2</v>
      </c>
      <c r="U101" s="183">
        <v>0.25081582858922391</v>
      </c>
      <c r="V101" s="89">
        <v>5.0614346341760652E-2</v>
      </c>
    </row>
    <row r="102" spans="1:22">
      <c r="A102" s="44" t="s">
        <v>537</v>
      </c>
      <c r="B102" s="180">
        <v>86</v>
      </c>
      <c r="C102" s="184">
        <v>0.26501153620540835</v>
      </c>
      <c r="D102" s="92">
        <v>9.4181798929821703E-2</v>
      </c>
      <c r="E102" s="184">
        <v>0.10034838666661219</v>
      </c>
      <c r="F102" s="92">
        <v>6.8039383275834336E-2</v>
      </c>
      <c r="G102" s="184">
        <v>0.63464007712797921</v>
      </c>
      <c r="H102" s="92">
        <v>0.10185995062941021</v>
      </c>
      <c r="I102" s="180">
        <v>87</v>
      </c>
      <c r="J102" s="184">
        <v>0.65273891228897019</v>
      </c>
      <c r="K102" s="92">
        <v>0.10025827440503941</v>
      </c>
      <c r="L102" s="184">
        <v>5.8277551639176348E-2</v>
      </c>
      <c r="M102" s="92">
        <v>5.6122933090597148E-2</v>
      </c>
      <c r="N102" s="184">
        <v>0.28898353607185351</v>
      </c>
      <c r="O102" s="92">
        <v>9.5916759442915556E-2</v>
      </c>
      <c r="P102" s="180">
        <v>86</v>
      </c>
      <c r="Q102" s="184">
        <v>0.52753425822969313</v>
      </c>
      <c r="R102" s="92">
        <v>0.10526321651166831</v>
      </c>
      <c r="S102" s="184">
        <v>0.20631156678036816</v>
      </c>
      <c r="T102" s="92">
        <v>8.7240065253999854E-2</v>
      </c>
      <c r="U102" s="184">
        <v>0.26615417498993854</v>
      </c>
      <c r="V102" s="92">
        <v>9.4297142890127375E-2</v>
      </c>
    </row>
    <row r="103" spans="1:22">
      <c r="A103" s="40" t="s">
        <v>538</v>
      </c>
      <c r="B103" s="178">
        <v>89</v>
      </c>
      <c r="C103" s="183">
        <v>0.34934100093744702</v>
      </c>
      <c r="D103" s="89">
        <v>9.9290472924429538E-2</v>
      </c>
      <c r="E103" s="183">
        <v>0.1866824080814859</v>
      </c>
      <c r="F103" s="89">
        <v>8.2980768603209576E-2</v>
      </c>
      <c r="G103" s="183">
        <v>0.46397659098106714</v>
      </c>
      <c r="H103" s="89">
        <v>0.10344840120148462</v>
      </c>
      <c r="I103" s="178">
        <v>90</v>
      </c>
      <c r="J103" s="183">
        <v>0.6253429912441818</v>
      </c>
      <c r="K103" s="89">
        <v>0.10012710659188505</v>
      </c>
      <c r="L103" s="183">
        <v>8.8860591603885486E-2</v>
      </c>
      <c r="M103" s="89">
        <v>6.3595902176653243E-2</v>
      </c>
      <c r="N103" s="183">
        <v>0.28579641715193288</v>
      </c>
      <c r="O103" s="89">
        <v>9.4066226576670117E-2</v>
      </c>
      <c r="P103" s="178">
        <v>88</v>
      </c>
      <c r="Q103" s="183">
        <v>0.62964300839510845</v>
      </c>
      <c r="R103" s="89">
        <v>0.10099987595930132</v>
      </c>
      <c r="S103" s="183">
        <v>0.1026488438446911</v>
      </c>
      <c r="T103" s="89">
        <v>6.7740868142623353E-2</v>
      </c>
      <c r="U103" s="183">
        <v>0.26770814776020058</v>
      </c>
      <c r="V103" s="89">
        <v>9.3397379949983705E-2</v>
      </c>
    </row>
    <row r="104" spans="1:22">
      <c r="A104" s="44" t="s">
        <v>539</v>
      </c>
      <c r="B104" s="180">
        <v>99</v>
      </c>
      <c r="C104" s="184">
        <v>0.33540790529122072</v>
      </c>
      <c r="D104" s="92">
        <v>9.3470873221031273E-2</v>
      </c>
      <c r="E104" s="184">
        <v>0.17273742829358185</v>
      </c>
      <c r="F104" s="92">
        <v>7.6591513322059879E-2</v>
      </c>
      <c r="G104" s="184">
        <v>0.49185466641519809</v>
      </c>
      <c r="H104" s="92">
        <v>9.852084824029983E-2</v>
      </c>
      <c r="I104" s="180">
        <v>100</v>
      </c>
      <c r="J104" s="184">
        <v>0.71434652093278384</v>
      </c>
      <c r="K104" s="92">
        <v>8.9339841838323122E-2</v>
      </c>
      <c r="L104" s="184">
        <v>3.024185127421377E-2</v>
      </c>
      <c r="M104" s="92">
        <v>4.205109861251654E-2</v>
      </c>
      <c r="N104" s="184">
        <v>0.25541162779300314</v>
      </c>
      <c r="O104" s="92">
        <v>8.6533638956093659E-2</v>
      </c>
      <c r="P104" s="180">
        <v>99</v>
      </c>
      <c r="Q104" s="184">
        <v>0.69301750955948838</v>
      </c>
      <c r="R104" s="92">
        <v>9.1499207866700252E-2</v>
      </c>
      <c r="S104" s="184">
        <v>5.9124086133488157E-2</v>
      </c>
      <c r="T104" s="92">
        <v>5.2299402249159216E-2</v>
      </c>
      <c r="U104" s="184">
        <v>0.24785840430702388</v>
      </c>
      <c r="V104" s="92">
        <v>8.6184860745770697E-2</v>
      </c>
    </row>
    <row r="105" spans="1:22">
      <c r="A105" s="40" t="s">
        <v>540</v>
      </c>
      <c r="B105" s="178">
        <v>112</v>
      </c>
      <c r="C105" s="183">
        <v>0.27622362345658841</v>
      </c>
      <c r="D105" s="89">
        <v>8.3731528710782016E-2</v>
      </c>
      <c r="E105" s="183">
        <v>0.17424489863747983</v>
      </c>
      <c r="F105" s="89">
        <v>7.2176939332499981E-2</v>
      </c>
      <c r="G105" s="183">
        <v>0.54953147790593215</v>
      </c>
      <c r="H105" s="89">
        <v>9.2421991941578158E-2</v>
      </c>
      <c r="I105" s="178">
        <v>112</v>
      </c>
      <c r="J105" s="183">
        <v>0.63553480882032409</v>
      </c>
      <c r="K105" s="89">
        <v>8.9611296185179365E-2</v>
      </c>
      <c r="L105" s="183">
        <v>0.12307612042804909</v>
      </c>
      <c r="M105" s="89">
        <v>6.3668727608910167E-2</v>
      </c>
      <c r="N105" s="183">
        <v>0.24138907075162697</v>
      </c>
      <c r="O105" s="89">
        <v>8.0441293745199288E-2</v>
      </c>
      <c r="P105" s="178">
        <v>112</v>
      </c>
      <c r="Q105" s="183">
        <v>0.717435350089908</v>
      </c>
      <c r="R105" s="89">
        <v>8.4266861150559855E-2</v>
      </c>
      <c r="S105" s="183">
        <v>0.10334647161219167</v>
      </c>
      <c r="T105" s="89">
        <v>5.9691598468172222E-2</v>
      </c>
      <c r="U105" s="183">
        <v>0.17921817829790057</v>
      </c>
      <c r="V105" s="89">
        <v>7.2889450179414783E-2</v>
      </c>
    </row>
    <row r="106" spans="1:22">
      <c r="A106" s="44" t="s">
        <v>541</v>
      </c>
      <c r="B106" s="180">
        <v>112</v>
      </c>
      <c r="C106" s="184">
        <v>0.26927202248834142</v>
      </c>
      <c r="D106" s="92">
        <v>8.3122822946728764E-2</v>
      </c>
      <c r="E106" s="184">
        <v>0.20024911617544996</v>
      </c>
      <c r="F106" s="92">
        <v>7.5712514890316371E-2</v>
      </c>
      <c r="G106" s="184">
        <v>0.53047886133620881</v>
      </c>
      <c r="H106" s="92">
        <v>9.2686717550027303E-2</v>
      </c>
      <c r="I106" s="180">
        <v>113</v>
      </c>
      <c r="J106" s="184">
        <v>0.62473407369681877</v>
      </c>
      <c r="K106" s="92">
        <v>8.9726471486337223E-2</v>
      </c>
      <c r="L106" s="184">
        <v>0.10288081713437505</v>
      </c>
      <c r="M106" s="92">
        <v>5.931090973601813E-2</v>
      </c>
      <c r="N106" s="184">
        <v>0.27238510916880648</v>
      </c>
      <c r="O106" s="92">
        <v>8.303502930910385E-2</v>
      </c>
      <c r="P106" s="180">
        <v>110</v>
      </c>
      <c r="Q106" s="184">
        <v>0.64098249346462699</v>
      </c>
      <c r="R106" s="92">
        <v>9.0125502676347488E-2</v>
      </c>
      <c r="S106" s="184">
        <v>7.9795826006732559E-2</v>
      </c>
      <c r="T106" s="92">
        <v>5.4804933910312104E-2</v>
      </c>
      <c r="U106" s="184">
        <v>0.27922168052864083</v>
      </c>
      <c r="V106" s="92">
        <v>8.473229045007119E-2</v>
      </c>
    </row>
    <row r="107" spans="1:22">
      <c r="A107" s="40" t="s">
        <v>542</v>
      </c>
      <c r="B107" s="178">
        <v>173</v>
      </c>
      <c r="C107" s="183">
        <v>0.2977960259045529</v>
      </c>
      <c r="D107" s="89">
        <v>6.9043611338273581E-2</v>
      </c>
      <c r="E107" s="183">
        <v>0.19674252550409452</v>
      </c>
      <c r="F107" s="89">
        <v>6.0533326725653876E-2</v>
      </c>
      <c r="G107" s="183">
        <v>0.50546144859135222</v>
      </c>
      <c r="H107" s="89">
        <v>7.5160319119386351E-2</v>
      </c>
      <c r="I107" s="178">
        <v>173</v>
      </c>
      <c r="J107" s="183">
        <v>0.71540917141027793</v>
      </c>
      <c r="K107" s="89">
        <v>6.8175979793791863E-2</v>
      </c>
      <c r="L107" s="183">
        <v>0.13377592277573513</v>
      </c>
      <c r="M107" s="89">
        <v>5.2480473252922342E-2</v>
      </c>
      <c r="N107" s="183">
        <v>0.15081490581398727</v>
      </c>
      <c r="O107" s="89">
        <v>5.4930561197017912E-2</v>
      </c>
      <c r="P107" s="178">
        <v>172</v>
      </c>
      <c r="Q107" s="183">
        <v>0.612369851909079</v>
      </c>
      <c r="R107" s="89">
        <v>7.3537320144955037E-2</v>
      </c>
      <c r="S107" s="183">
        <v>0.11306732309475569</v>
      </c>
      <c r="T107" s="89">
        <v>4.931602263845912E-2</v>
      </c>
      <c r="U107" s="183">
        <v>0.27456282499616497</v>
      </c>
      <c r="V107" s="89">
        <v>6.7665943562610104E-2</v>
      </c>
    </row>
    <row r="108" spans="1:22">
      <c r="A108" s="44" t="s">
        <v>547</v>
      </c>
      <c r="B108" s="180">
        <v>72</v>
      </c>
      <c r="C108" s="184">
        <v>0.31042448644050913</v>
      </c>
      <c r="D108" s="92">
        <v>0.10705252289290053</v>
      </c>
      <c r="E108" s="184">
        <v>0.24734935911622094</v>
      </c>
      <c r="F108" s="92">
        <v>0.10071063998262851</v>
      </c>
      <c r="G108" s="184">
        <v>0.44222615444327018</v>
      </c>
      <c r="H108" s="92">
        <v>0.1140185317164268</v>
      </c>
      <c r="I108" s="180">
        <v>72</v>
      </c>
      <c r="J108" s="184">
        <v>0.75152817327755239</v>
      </c>
      <c r="K108" s="92">
        <v>0.10084327291830955</v>
      </c>
      <c r="L108" s="184">
        <v>0.1513708608080144</v>
      </c>
      <c r="M108" s="92">
        <v>8.6119551225346563E-2</v>
      </c>
      <c r="N108" s="184">
        <v>9.7100965914433249E-2</v>
      </c>
      <c r="O108" s="92">
        <v>7.4094472564003477E-2</v>
      </c>
      <c r="P108" s="180">
        <v>71</v>
      </c>
      <c r="Q108" s="184">
        <v>0.59801621407055539</v>
      </c>
      <c r="R108" s="92">
        <v>0.11346429931837548</v>
      </c>
      <c r="S108" s="184">
        <v>0.11869219139382375</v>
      </c>
      <c r="T108" s="92">
        <v>7.9899821961028725E-2</v>
      </c>
      <c r="U108" s="184">
        <v>0.28329159453562103</v>
      </c>
      <c r="V108" s="92">
        <v>0.10530292089351065</v>
      </c>
    </row>
    <row r="109" spans="1:22">
      <c r="A109" s="52" t="s">
        <v>548</v>
      </c>
      <c r="B109" s="178">
        <v>123</v>
      </c>
      <c r="C109" s="183">
        <v>0.40716196294066814</v>
      </c>
      <c r="D109" s="89">
        <v>8.7289088315819066E-2</v>
      </c>
      <c r="E109" s="183">
        <v>0.18452147078526149</v>
      </c>
      <c r="F109" s="89">
        <v>7.0240075487906686E-2</v>
      </c>
      <c r="G109" s="183">
        <v>0.40831656627407009</v>
      </c>
      <c r="H109" s="89">
        <v>8.7325134487819769E-2</v>
      </c>
      <c r="I109" s="178">
        <v>124</v>
      </c>
      <c r="J109" s="183">
        <v>0.7772522771953827</v>
      </c>
      <c r="K109" s="89">
        <v>7.455291936635558E-2</v>
      </c>
      <c r="L109" s="183">
        <v>0.10836172225516134</v>
      </c>
      <c r="M109" s="89">
        <v>5.756951165440833E-2</v>
      </c>
      <c r="N109" s="183">
        <v>0.1143860005494557</v>
      </c>
      <c r="O109" s="89">
        <v>5.8750070523892063E-2</v>
      </c>
      <c r="P109" s="178">
        <v>124</v>
      </c>
      <c r="Q109" s="183">
        <v>0.72929900452617558</v>
      </c>
      <c r="R109" s="89">
        <v>7.9186636317267356E-2</v>
      </c>
      <c r="S109" s="183">
        <v>0.11089992348420587</v>
      </c>
      <c r="T109" s="89">
        <v>5.8072075190932132E-2</v>
      </c>
      <c r="U109" s="183">
        <v>0.15980107198961796</v>
      </c>
      <c r="V109" s="89">
        <v>6.6470182114337792E-2</v>
      </c>
    </row>
    <row r="110" spans="1:22">
      <c r="A110" s="44" t="s">
        <v>549</v>
      </c>
      <c r="B110" s="180">
        <v>101</v>
      </c>
      <c r="C110" s="184">
        <v>0.34865955670422449</v>
      </c>
      <c r="D110" s="92">
        <v>9.3362150437593286E-2</v>
      </c>
      <c r="E110" s="184">
        <v>0.14728843662185662</v>
      </c>
      <c r="F110" s="92">
        <v>7.1685163570977942E-2</v>
      </c>
      <c r="G110" s="184">
        <v>0.50405200667392014</v>
      </c>
      <c r="H110" s="92">
        <v>9.7587042146702552E-2</v>
      </c>
      <c r="I110" s="180">
        <v>102</v>
      </c>
      <c r="J110" s="184">
        <v>0.69622470464751673</v>
      </c>
      <c r="K110" s="92">
        <v>8.9936457243219081E-2</v>
      </c>
      <c r="L110" s="184">
        <v>7.4588648536518101E-2</v>
      </c>
      <c r="M110" s="92">
        <v>5.577107919045151E-2</v>
      </c>
      <c r="N110" s="184">
        <v>0.22918664681596607</v>
      </c>
      <c r="O110" s="92">
        <v>8.2893606935577929E-2</v>
      </c>
      <c r="P110" s="180">
        <v>99</v>
      </c>
      <c r="Q110" s="184">
        <v>0.68659500140449981</v>
      </c>
      <c r="R110" s="92">
        <v>9.1975953374868621E-2</v>
      </c>
      <c r="S110" s="184">
        <v>9.7526369314809888E-2</v>
      </c>
      <c r="T110" s="92">
        <v>6.2427290326539486E-2</v>
      </c>
      <c r="U110" s="184">
        <v>0.21587862928069124</v>
      </c>
      <c r="V110" s="92">
        <v>8.2538181895606744E-2</v>
      </c>
    </row>
    <row r="111" spans="1:22">
      <c r="A111" s="52" t="s">
        <v>550</v>
      </c>
      <c r="B111" s="178">
        <v>130</v>
      </c>
      <c r="C111" s="183">
        <v>0.51200270203876741</v>
      </c>
      <c r="D111" s="89">
        <v>8.63634125923982E-2</v>
      </c>
      <c r="E111" s="183">
        <v>0.17219714093477811</v>
      </c>
      <c r="F111" s="89">
        <v>6.6661260665680011E-2</v>
      </c>
      <c r="G111" s="183">
        <v>0.31580015702645448</v>
      </c>
      <c r="H111" s="89">
        <v>8.0681024977276569E-2</v>
      </c>
      <c r="I111" s="178">
        <v>131</v>
      </c>
      <c r="J111" s="183">
        <v>0.7960843755008159</v>
      </c>
      <c r="K111" s="89">
        <v>7.0438225949478392E-2</v>
      </c>
      <c r="L111" s="183">
        <v>5.337782043770728E-2</v>
      </c>
      <c r="M111" s="89">
        <v>4.2920783372434504E-2</v>
      </c>
      <c r="N111" s="183">
        <v>0.1505378040614771</v>
      </c>
      <c r="O111" s="89">
        <v>6.3246941490433098E-2</v>
      </c>
      <c r="P111" s="178">
        <v>127</v>
      </c>
      <c r="Q111" s="183">
        <v>0.76587963799823056</v>
      </c>
      <c r="R111" s="89">
        <v>7.4865615231568206E-2</v>
      </c>
      <c r="S111" s="183">
        <v>9.1937034144088922E-2</v>
      </c>
      <c r="T111" s="89">
        <v>5.3431341193882022E-2</v>
      </c>
      <c r="U111" s="183">
        <v>0.1421833278576804</v>
      </c>
      <c r="V111" s="89">
        <v>6.2922866481736492E-2</v>
      </c>
    </row>
    <row r="112" spans="1:22">
      <c r="A112" s="44" t="s">
        <v>551</v>
      </c>
      <c r="B112" s="180">
        <v>123</v>
      </c>
      <c r="C112" s="184">
        <v>0.33360324476031666</v>
      </c>
      <c r="D112" s="92">
        <v>8.4000144703395271E-2</v>
      </c>
      <c r="E112" s="184">
        <v>0.25657562101404613</v>
      </c>
      <c r="F112" s="92">
        <v>7.8252250223818334E-2</v>
      </c>
      <c r="G112" s="184">
        <v>0.40982113422563687</v>
      </c>
      <c r="H112" s="92">
        <v>8.7371407655151279E-2</v>
      </c>
      <c r="I112" s="180">
        <v>124</v>
      </c>
      <c r="J112" s="184">
        <v>0.79061868757697384</v>
      </c>
      <c r="K112" s="92">
        <v>7.304472090578612E-2</v>
      </c>
      <c r="L112" s="184">
        <v>0.11202812110326051</v>
      </c>
      <c r="M112" s="92">
        <v>5.8293026771540621E-2</v>
      </c>
      <c r="N112" s="184">
        <v>9.7353191319765969E-2</v>
      </c>
      <c r="O112" s="92">
        <v>5.5297491207420696E-2</v>
      </c>
      <c r="P112" s="180">
        <v>124</v>
      </c>
      <c r="Q112" s="184">
        <v>0.69000177941636121</v>
      </c>
      <c r="R112" s="92">
        <v>8.2181270964209338E-2</v>
      </c>
      <c r="S112" s="184">
        <v>0.10789639145468331</v>
      </c>
      <c r="T112" s="92">
        <v>5.7476542992447852E-2</v>
      </c>
      <c r="U112" s="184">
        <v>0.20210182912895569</v>
      </c>
      <c r="V112" s="92">
        <v>7.2179566426825562E-2</v>
      </c>
    </row>
    <row r="113" spans="1:28">
      <c r="A113" s="52" t="s">
        <v>543</v>
      </c>
      <c r="B113" s="178">
        <v>167</v>
      </c>
      <c r="C113" s="183">
        <v>0.29515255538533652</v>
      </c>
      <c r="D113" s="89">
        <v>7.0083946370892325E-2</v>
      </c>
      <c r="E113" s="183">
        <v>0.18833403834324439</v>
      </c>
      <c r="F113" s="89">
        <v>6.0669854717822651E-2</v>
      </c>
      <c r="G113" s="183">
        <v>0.5165134062714184</v>
      </c>
      <c r="H113" s="89">
        <v>7.6432122659732288E-2</v>
      </c>
      <c r="I113" s="178">
        <v>167</v>
      </c>
      <c r="J113" s="183">
        <v>0.69221973005039728</v>
      </c>
      <c r="K113" s="89">
        <v>7.0877530372169817E-2</v>
      </c>
      <c r="L113" s="183">
        <v>0.11644776017360531</v>
      </c>
      <c r="M113" s="89">
        <v>5.0654114467811172E-2</v>
      </c>
      <c r="N113" s="183">
        <v>0.19133250977599681</v>
      </c>
      <c r="O113" s="89">
        <v>6.1010896694224902E-2</v>
      </c>
      <c r="P113" s="178">
        <v>165</v>
      </c>
      <c r="Q113" s="183">
        <v>0.65476610324430129</v>
      </c>
      <c r="R113" s="89">
        <v>7.3326357027871741E-2</v>
      </c>
      <c r="S113" s="183">
        <v>9.4807453920090157E-2</v>
      </c>
      <c r="T113" s="89">
        <v>4.7042447733257969E-2</v>
      </c>
      <c r="U113" s="183">
        <v>0.25042644283560783</v>
      </c>
      <c r="V113" s="89">
        <v>6.7170478387743301E-2</v>
      </c>
    </row>
    <row r="114" spans="1:28">
      <c r="A114" s="44" t="s">
        <v>544</v>
      </c>
      <c r="B114" s="180">
        <v>49</v>
      </c>
      <c r="C114" s="184">
        <v>0.35323447259233853</v>
      </c>
      <c r="D114" s="92">
        <v>0.1322058220409098</v>
      </c>
      <c r="E114" s="184">
        <v>6.6575236485382702E-2</v>
      </c>
      <c r="F114" s="92">
        <v>8.2154351961657227E-2</v>
      </c>
      <c r="G114" s="184">
        <v>0.58019029092227881</v>
      </c>
      <c r="H114" s="92">
        <v>0.1358421748679762</v>
      </c>
      <c r="I114" s="180">
        <v>49</v>
      </c>
      <c r="J114" s="184">
        <v>0.68250533354415954</v>
      </c>
      <c r="K114" s="92">
        <v>0.12930284266044914</v>
      </c>
      <c r="L114" s="184">
        <v>0.11680730430557912</v>
      </c>
      <c r="M114" s="92">
        <v>9.6930631191807795E-2</v>
      </c>
      <c r="N114" s="184">
        <v>0.2006873621502617</v>
      </c>
      <c r="O114" s="92">
        <v>0.11440556082671048</v>
      </c>
      <c r="P114" s="180">
        <v>48</v>
      </c>
      <c r="Q114" s="184">
        <v>0.65564963392661157</v>
      </c>
      <c r="R114" s="92">
        <v>0.13282638722896653</v>
      </c>
      <c r="S114" s="184">
        <v>6.2260579109854504E-2</v>
      </c>
      <c r="T114" s="92">
        <v>8.1679359991502776E-2</v>
      </c>
      <c r="U114" s="184">
        <v>0.28208978696353393</v>
      </c>
      <c r="V114" s="92">
        <v>0.12695835985085452</v>
      </c>
    </row>
    <row r="115" spans="1:28">
      <c r="A115" s="52" t="s">
        <v>552</v>
      </c>
      <c r="B115" s="178">
        <v>118</v>
      </c>
      <c r="C115" s="183">
        <v>0.27046649154164015</v>
      </c>
      <c r="D115" s="89">
        <v>8.1121751850686055E-2</v>
      </c>
      <c r="E115" s="183">
        <v>0.24008414751203758</v>
      </c>
      <c r="F115" s="89">
        <v>7.8259979948153729E-2</v>
      </c>
      <c r="G115" s="183">
        <v>0.48944936094632152</v>
      </c>
      <c r="H115" s="89">
        <v>9.0516887974499208E-2</v>
      </c>
      <c r="I115" s="178">
        <v>118</v>
      </c>
      <c r="J115" s="183">
        <v>0.69634855747014857</v>
      </c>
      <c r="K115" s="89">
        <v>8.3750967720145467E-2</v>
      </c>
      <c r="L115" s="183">
        <v>0.11629494618564939</v>
      </c>
      <c r="M115" s="89">
        <v>6.0670180857668711E-2</v>
      </c>
      <c r="N115" s="183">
        <v>0.18735649634420171</v>
      </c>
      <c r="O115" s="89">
        <v>7.2101598594613972E-2</v>
      </c>
      <c r="P115" s="178">
        <v>117</v>
      </c>
      <c r="Q115" s="183">
        <v>0.65439572218177133</v>
      </c>
      <c r="R115" s="89">
        <v>8.6762138778851028E-2</v>
      </c>
      <c r="S115" s="183">
        <v>0.10845128804562759</v>
      </c>
      <c r="T115" s="89">
        <v>5.9379237725371417E-2</v>
      </c>
      <c r="U115" s="183">
        <v>0.23715298977260069</v>
      </c>
      <c r="V115" s="89">
        <v>7.8288254362646761E-2</v>
      </c>
    </row>
    <row r="116" spans="1:28">
      <c r="A116" s="44" t="s">
        <v>545</v>
      </c>
      <c r="B116" s="180">
        <v>189</v>
      </c>
      <c r="C116" s="184">
        <v>0.30651351748322997</v>
      </c>
      <c r="D116" s="92">
        <v>6.6612901370887004E-2</v>
      </c>
      <c r="E116" s="184">
        <v>0.1905740709782778</v>
      </c>
      <c r="F116" s="92">
        <v>5.7257376971880845E-2</v>
      </c>
      <c r="G116" s="184">
        <v>0.50291241153849109</v>
      </c>
      <c r="H116" s="92">
        <v>7.1980404041286028E-2</v>
      </c>
      <c r="I116" s="180">
        <v>190</v>
      </c>
      <c r="J116" s="184">
        <v>0.6987458525820438</v>
      </c>
      <c r="K116" s="92">
        <v>6.6132038512605268E-2</v>
      </c>
      <c r="L116" s="184">
        <v>9.8474363973612991E-2</v>
      </c>
      <c r="M116" s="92">
        <v>4.4340990823955768E-2</v>
      </c>
      <c r="N116" s="184">
        <v>0.20277978344434269</v>
      </c>
      <c r="O116" s="92">
        <v>5.8374098921194016E-2</v>
      </c>
      <c r="P116" s="180">
        <v>187</v>
      </c>
      <c r="Q116" s="184">
        <v>0.71676067653648079</v>
      </c>
      <c r="R116" s="92">
        <v>6.5516421065072647E-2</v>
      </c>
      <c r="S116" s="184">
        <v>7.5454458791376189E-2</v>
      </c>
      <c r="T116" s="92">
        <v>4.0217030968822003E-2</v>
      </c>
      <c r="U116" s="184">
        <v>0.20778486467214261</v>
      </c>
      <c r="V116" s="92">
        <v>5.9341834376565775E-2</v>
      </c>
    </row>
    <row r="119" spans="1:28" ht="18.75">
      <c r="A119" s="284" t="s">
        <v>462</v>
      </c>
      <c r="B119" s="284"/>
      <c r="C119" s="284"/>
      <c r="D119" s="284"/>
      <c r="E119" s="284"/>
      <c r="F119" s="284"/>
      <c r="G119" s="284"/>
      <c r="H119" s="284"/>
      <c r="I119" s="284"/>
      <c r="J119" s="284"/>
      <c r="K119" s="284"/>
      <c r="L119" s="284"/>
      <c r="M119" s="285"/>
      <c r="N119" s="224"/>
      <c r="O119" s="224"/>
      <c r="P119" s="224"/>
      <c r="Q119" s="224"/>
      <c r="R119" s="224"/>
      <c r="S119" s="224"/>
      <c r="T119" s="224"/>
      <c r="U119" s="224"/>
      <c r="V119" s="224"/>
      <c r="W119" s="224"/>
      <c r="X119" s="224"/>
      <c r="Y119" s="224"/>
      <c r="Z119" s="224"/>
      <c r="AA119" s="224"/>
      <c r="AB119" s="242"/>
    </row>
    <row r="120" spans="1:28" ht="61.5" customHeight="1">
      <c r="A120" s="408" t="s">
        <v>598</v>
      </c>
      <c r="B120" s="408"/>
      <c r="C120" s="408"/>
      <c r="D120" s="408"/>
      <c r="E120" s="408"/>
      <c r="F120" s="408"/>
      <c r="G120" s="408"/>
      <c r="H120" s="408"/>
      <c r="I120" s="408"/>
      <c r="J120" s="408"/>
      <c r="K120" s="408"/>
      <c r="L120" s="408"/>
      <c r="M120" s="285"/>
      <c r="N120" s="239"/>
      <c r="O120" s="239"/>
      <c r="P120" s="239"/>
      <c r="Q120" s="239"/>
      <c r="R120" s="239"/>
      <c r="S120" s="239"/>
      <c r="T120" s="239"/>
      <c r="U120" s="239"/>
      <c r="V120" s="239"/>
      <c r="W120" s="239"/>
      <c r="X120" s="239"/>
      <c r="Y120" s="239"/>
      <c r="Z120" s="239"/>
      <c r="AA120" s="239"/>
      <c r="AB120" s="242"/>
    </row>
    <row r="121" spans="1:28" ht="38.25" customHeight="1">
      <c r="A121" s="413" t="s">
        <v>235</v>
      </c>
      <c r="B121" s="414"/>
      <c r="C121" s="414"/>
      <c r="D121" s="414"/>
      <c r="E121" s="414"/>
      <c r="F121" s="414"/>
      <c r="G121" s="414"/>
      <c r="H121" s="414"/>
      <c r="I121" s="414"/>
      <c r="J121" s="414"/>
      <c r="K121" s="414"/>
      <c r="L121" s="414"/>
      <c r="M121" s="237"/>
      <c r="N121" s="242"/>
      <c r="O121" s="242"/>
      <c r="P121" s="242"/>
      <c r="Q121" s="242"/>
      <c r="R121" s="242"/>
      <c r="S121" s="242"/>
      <c r="T121" s="242"/>
      <c r="U121" s="242"/>
      <c r="V121" s="242"/>
      <c r="W121" s="242"/>
      <c r="X121" s="242"/>
      <c r="Y121" s="242"/>
      <c r="Z121" s="242"/>
      <c r="AA121" s="242"/>
      <c r="AB121" s="242"/>
    </row>
    <row r="122" spans="1:28" ht="72">
      <c r="A122" s="32" t="s">
        <v>71</v>
      </c>
      <c r="B122" s="33" t="s">
        <v>72</v>
      </c>
      <c r="C122" s="34" t="s">
        <v>589</v>
      </c>
      <c r="D122" s="35" t="s">
        <v>73</v>
      </c>
      <c r="E122" s="33" t="s">
        <v>468</v>
      </c>
      <c r="F122" s="84" t="s">
        <v>467</v>
      </c>
      <c r="G122" s="33" t="s">
        <v>463</v>
      </c>
      <c r="H122" s="84" t="s">
        <v>466</v>
      </c>
      <c r="I122" s="33" t="s">
        <v>464</v>
      </c>
      <c r="J122" s="84" t="s">
        <v>465</v>
      </c>
      <c r="K122" s="33" t="s">
        <v>301</v>
      </c>
      <c r="L122" s="84" t="s">
        <v>300</v>
      </c>
      <c r="M122" s="237"/>
      <c r="N122" s="241"/>
      <c r="O122" s="237"/>
      <c r="P122" s="241"/>
      <c r="Q122" s="237"/>
    </row>
    <row r="123" spans="1:28" ht="72">
      <c r="A123" s="36"/>
      <c r="B123" s="37" t="s">
        <v>74</v>
      </c>
      <c r="C123" s="123" t="s">
        <v>304</v>
      </c>
      <c r="D123" s="39" t="s">
        <v>76</v>
      </c>
      <c r="E123" s="37" t="s">
        <v>159</v>
      </c>
      <c r="F123" s="86" t="s">
        <v>88</v>
      </c>
      <c r="G123" s="37" t="s">
        <v>160</v>
      </c>
      <c r="H123" s="86" t="s">
        <v>88</v>
      </c>
      <c r="I123" s="37" t="s">
        <v>161</v>
      </c>
      <c r="J123" s="86" t="s">
        <v>88</v>
      </c>
      <c r="K123" s="37" t="s">
        <v>301</v>
      </c>
      <c r="L123" s="86" t="s">
        <v>88</v>
      </c>
    </row>
    <row r="124" spans="1:28">
      <c r="A124" s="40" t="s">
        <v>350</v>
      </c>
      <c r="B124" s="178">
        <v>13842</v>
      </c>
      <c r="C124" s="179">
        <v>5.1036555153933705</v>
      </c>
      <c r="D124" s="80">
        <v>2.5613062985244635E-2</v>
      </c>
      <c r="E124" s="183">
        <v>0.14001098066140449</v>
      </c>
      <c r="F124" s="89">
        <v>5.8997051367260427E-3</v>
      </c>
      <c r="G124" s="183">
        <v>0.15466386656429337</v>
      </c>
      <c r="H124" s="89">
        <v>6.1473986241741526E-3</v>
      </c>
      <c r="I124" s="183">
        <v>0.66939583980021322</v>
      </c>
      <c r="J124" s="89">
        <v>7.9961283884657681E-3</v>
      </c>
      <c r="K124" s="88">
        <v>3.5929312974102921E-2</v>
      </c>
      <c r="L124" s="89">
        <v>3.1690222023489788E-3</v>
      </c>
    </row>
    <row r="125" spans="1:28">
      <c r="A125" s="44" t="s">
        <v>351</v>
      </c>
      <c r="B125" s="180">
        <v>10160</v>
      </c>
      <c r="C125" s="181">
        <v>5.218333162847518</v>
      </c>
      <c r="D125" s="182">
        <v>2.9704039142234386E-2</v>
      </c>
      <c r="E125" s="184">
        <v>0.13618665266714181</v>
      </c>
      <c r="F125" s="92">
        <v>6.8071774798117296E-3</v>
      </c>
      <c r="G125" s="184">
        <v>0.13327815911204455</v>
      </c>
      <c r="H125" s="92">
        <v>6.7455269637586761E-3</v>
      </c>
      <c r="I125" s="184">
        <v>0.70609292582147842</v>
      </c>
      <c r="J125" s="92">
        <v>9.037921998252799E-3</v>
      </c>
      <c r="K125" s="91">
        <v>2.4442262399327314E-2</v>
      </c>
      <c r="L125" s="92">
        <v>3.0747481783533668E-3</v>
      </c>
    </row>
    <row r="126" spans="1:28">
      <c r="A126" s="40" t="s">
        <v>352</v>
      </c>
      <c r="B126" s="178">
        <v>3682</v>
      </c>
      <c r="C126" s="179">
        <v>5.0081588290137242</v>
      </c>
      <c r="D126" s="80">
        <v>5.0009313275332423E-2</v>
      </c>
      <c r="E126" s="183">
        <v>0.14312759363084968</v>
      </c>
      <c r="F126" s="89">
        <v>1.1549433724983587E-2</v>
      </c>
      <c r="G126" s="183">
        <v>0.17209201951208292</v>
      </c>
      <c r="H126" s="89">
        <v>1.2444542034473358E-2</v>
      </c>
      <c r="I126" s="183">
        <v>0.63948977149054964</v>
      </c>
      <c r="J126" s="89">
        <v>1.581858665445654E-2</v>
      </c>
      <c r="K126" s="88">
        <v>4.5290615366517697E-2</v>
      </c>
      <c r="L126" s="89">
        <v>6.8854577150971779E-3</v>
      </c>
    </row>
    <row r="127" spans="1:28">
      <c r="A127" s="44" t="s">
        <v>534</v>
      </c>
      <c r="B127" s="180">
        <v>1871</v>
      </c>
      <c r="C127" s="181">
        <v>5.0345627735609604</v>
      </c>
      <c r="D127" s="182">
        <v>7.0480502424212471E-2</v>
      </c>
      <c r="E127" s="184">
        <v>0.15604098928709356</v>
      </c>
      <c r="F127" s="92">
        <v>1.6793423504446021E-2</v>
      </c>
      <c r="G127" s="184">
        <v>0.1580544809800612</v>
      </c>
      <c r="H127" s="92">
        <v>1.6880544527771942E-2</v>
      </c>
      <c r="I127" s="184">
        <v>0.64323690009864076</v>
      </c>
      <c r="J127" s="92">
        <v>2.2130311542956152E-2</v>
      </c>
      <c r="K127" s="91">
        <v>4.2667629634207574E-2</v>
      </c>
      <c r="L127" s="92">
        <v>9.4362180934335332E-3</v>
      </c>
    </row>
    <row r="128" spans="1:28">
      <c r="A128" s="40" t="s">
        <v>535</v>
      </c>
      <c r="B128" s="178">
        <v>1528</v>
      </c>
      <c r="C128" s="179">
        <v>5.0237200940672322</v>
      </c>
      <c r="D128" s="80">
        <v>7.9215419882545546E-2</v>
      </c>
      <c r="E128" s="183">
        <v>0.17038461625170254</v>
      </c>
      <c r="F128" s="89">
        <v>1.9249651704042945E-2</v>
      </c>
      <c r="G128" s="183">
        <v>0.14377072229636451</v>
      </c>
      <c r="H128" s="89">
        <v>1.79760862425105E-2</v>
      </c>
      <c r="I128" s="183">
        <v>0.65267504552811684</v>
      </c>
      <c r="J128" s="89">
        <v>2.4335121825349363E-2</v>
      </c>
      <c r="K128" s="88">
        <v>3.3169615923815454E-2</v>
      </c>
      <c r="L128" s="89">
        <v>9.3112590367167517E-3</v>
      </c>
    </row>
    <row r="129" spans="1:12">
      <c r="A129" s="44" t="s">
        <v>546</v>
      </c>
      <c r="B129" s="180">
        <v>347</v>
      </c>
      <c r="C129" s="181">
        <v>5.0582008732894401</v>
      </c>
      <c r="D129" s="182">
        <v>0.15169449432177001</v>
      </c>
      <c r="E129" s="184">
        <v>0.1133582515612996</v>
      </c>
      <c r="F129" s="92">
        <v>3.4409295348313308E-2</v>
      </c>
      <c r="G129" s="184">
        <v>0.20465204406449469</v>
      </c>
      <c r="H129" s="92">
        <v>4.3329574327412447E-2</v>
      </c>
      <c r="I129" s="184">
        <v>0.60921762118120537</v>
      </c>
      <c r="J129" s="92">
        <v>5.2116660335787372E-2</v>
      </c>
      <c r="K129" s="91">
        <v>7.2772083192999465E-2</v>
      </c>
      <c r="L129" s="92">
        <v>2.8567446475528117E-2</v>
      </c>
    </row>
    <row r="130" spans="1:12">
      <c r="A130" s="40" t="s">
        <v>536</v>
      </c>
      <c r="B130" s="178">
        <v>294</v>
      </c>
      <c r="C130" s="179">
        <v>5.0738637974753695</v>
      </c>
      <c r="D130" s="80">
        <v>0.18008796207396999</v>
      </c>
      <c r="E130" s="183">
        <v>0.17022591815345511</v>
      </c>
      <c r="F130" s="89">
        <v>4.3987330317132652E-2</v>
      </c>
      <c r="G130" s="183">
        <v>0.13119368582057467</v>
      </c>
      <c r="H130" s="89">
        <v>3.9732138109503649E-2</v>
      </c>
      <c r="I130" s="183">
        <v>0.69227560250118259</v>
      </c>
      <c r="J130" s="89">
        <v>5.3597544829029307E-2</v>
      </c>
      <c r="K130" s="88">
        <v>6.3047935247848401E-3</v>
      </c>
      <c r="L130" s="89">
        <v>1.3089444075558933E-2</v>
      </c>
    </row>
    <row r="131" spans="1:12">
      <c r="A131" s="44" t="s">
        <v>537</v>
      </c>
      <c r="B131" s="180">
        <v>87</v>
      </c>
      <c r="C131" s="181">
        <v>5.0012091134946797</v>
      </c>
      <c r="D131" s="182">
        <v>0.32366556849730033</v>
      </c>
      <c r="E131" s="184">
        <v>0.19476788972729228</v>
      </c>
      <c r="F131" s="92">
        <v>8.5122748444786067E-2</v>
      </c>
      <c r="G131" s="184">
        <v>0.11128139012958549</v>
      </c>
      <c r="H131" s="92">
        <v>7.0130051536039267E-2</v>
      </c>
      <c r="I131" s="184">
        <v>0.69111863199620771</v>
      </c>
      <c r="J131" s="92">
        <v>9.7578190864040792E-2</v>
      </c>
      <c r="K131" s="91">
        <v>2.8320881469144697E-3</v>
      </c>
      <c r="L131" s="92">
        <v>3.2531467615761971E-2</v>
      </c>
    </row>
    <row r="132" spans="1:12">
      <c r="A132" s="40" t="s">
        <v>538</v>
      </c>
      <c r="B132" s="178">
        <v>88</v>
      </c>
      <c r="C132" s="179">
        <v>5.3313296877860843</v>
      </c>
      <c r="D132" s="80">
        <v>0.29862064232577101</v>
      </c>
      <c r="E132" s="183">
        <v>0.1285472279404255</v>
      </c>
      <c r="F132" s="89">
        <v>7.3354418322820275E-2</v>
      </c>
      <c r="G132" s="183">
        <v>0.10632493993718421</v>
      </c>
      <c r="H132" s="89">
        <v>6.8589359505966327E-2</v>
      </c>
      <c r="I132" s="183">
        <v>0.74591776623501749</v>
      </c>
      <c r="J132" s="89">
        <v>9.1999261581735617E-2</v>
      </c>
      <c r="K132" s="88">
        <v>1.9210065887372705E-2</v>
      </c>
      <c r="L132" s="89">
        <v>4.0916056692114913E-2</v>
      </c>
    </row>
    <row r="133" spans="1:12">
      <c r="A133" s="44" t="s">
        <v>539</v>
      </c>
      <c r="B133" s="180">
        <v>100</v>
      </c>
      <c r="C133" s="181">
        <v>5.0915260455192364</v>
      </c>
      <c r="D133" s="182">
        <v>0.32771033279746037</v>
      </c>
      <c r="E133" s="184">
        <v>0.1605242116212435</v>
      </c>
      <c r="F133" s="92">
        <v>7.4278741814671201E-2</v>
      </c>
      <c r="G133" s="184">
        <v>0.13532911396946046</v>
      </c>
      <c r="H133" s="92">
        <v>6.990323695683015E-2</v>
      </c>
      <c r="I133" s="184">
        <v>0.70414667440929657</v>
      </c>
      <c r="J133" s="92">
        <v>9.0185347689391723E-2</v>
      </c>
      <c r="K133" s="91">
        <v>0</v>
      </c>
      <c r="L133" s="92">
        <v>2.693364120714959E-2</v>
      </c>
    </row>
    <row r="134" spans="1:12">
      <c r="A134" s="40" t="s">
        <v>540</v>
      </c>
      <c r="B134" s="178">
        <v>112</v>
      </c>
      <c r="C134" s="179">
        <v>5.2343470759575093</v>
      </c>
      <c r="D134" s="80">
        <v>0.2662025837664096</v>
      </c>
      <c r="E134" s="183">
        <v>9.9332349094597261E-2</v>
      </c>
      <c r="F134" s="89">
        <v>5.8823493311537529E-2</v>
      </c>
      <c r="G134" s="183">
        <v>0.16490957856871913</v>
      </c>
      <c r="H134" s="89">
        <v>7.0789812465623658E-2</v>
      </c>
      <c r="I134" s="183">
        <v>0.71826418740670106</v>
      </c>
      <c r="J134" s="89">
        <v>8.4197953212243354E-2</v>
      </c>
      <c r="K134" s="88">
        <v>1.7493884929982401E-2</v>
      </c>
      <c r="L134" s="89">
        <v>3.3716378693292866E-2</v>
      </c>
    </row>
    <row r="135" spans="1:12">
      <c r="A135" s="44" t="s">
        <v>541</v>
      </c>
      <c r="B135" s="180">
        <v>111</v>
      </c>
      <c r="C135" s="181">
        <v>5.1598796920324936</v>
      </c>
      <c r="D135" s="182">
        <v>0.27706390096002043</v>
      </c>
      <c r="E135" s="184">
        <v>0.11889631605749792</v>
      </c>
      <c r="F135" s="92">
        <v>6.3159678880683023E-2</v>
      </c>
      <c r="G135" s="184">
        <v>0.16914032338886234</v>
      </c>
      <c r="H135" s="92">
        <v>7.1751893909896697E-2</v>
      </c>
      <c r="I135" s="184">
        <v>0.69222295571949699</v>
      </c>
      <c r="J135" s="92">
        <v>8.6592708588370523E-2</v>
      </c>
      <c r="K135" s="91">
        <v>1.9740404834143011E-2</v>
      </c>
      <c r="L135" s="92">
        <v>3.4949325841381058E-2</v>
      </c>
    </row>
    <row r="136" spans="1:12">
      <c r="A136" s="40" t="s">
        <v>542</v>
      </c>
      <c r="B136" s="178">
        <v>170</v>
      </c>
      <c r="C136" s="179">
        <v>4.9224758970478026</v>
      </c>
      <c r="D136" s="80">
        <v>0.2316832755210376</v>
      </c>
      <c r="E136" s="183">
        <v>0.17424726501415574</v>
      </c>
      <c r="F136" s="89">
        <v>5.8468563202248372E-2</v>
      </c>
      <c r="G136" s="183">
        <v>0.15076131536633033</v>
      </c>
      <c r="H136" s="89">
        <v>5.5413926874934662E-2</v>
      </c>
      <c r="I136" s="183">
        <v>0.66877226425101344</v>
      </c>
      <c r="J136" s="89">
        <v>7.1568708654484822E-2</v>
      </c>
      <c r="K136" s="88">
        <v>6.2191553685001875E-3</v>
      </c>
      <c r="L136" s="89">
        <v>1.9920369532819969E-2</v>
      </c>
    </row>
    <row r="137" spans="1:12">
      <c r="A137" s="44" t="s">
        <v>547</v>
      </c>
      <c r="B137" s="180">
        <v>72</v>
      </c>
      <c r="C137" s="181">
        <v>5.0289251530687693</v>
      </c>
      <c r="D137" s="182">
        <v>0.34349725907301848</v>
      </c>
      <c r="E137" s="184">
        <v>0.19229936714483523</v>
      </c>
      <c r="F137" s="92">
        <v>9.3195982522592535E-2</v>
      </c>
      <c r="G137" s="184">
        <v>7.6458599484386727E-2</v>
      </c>
      <c r="H137" s="92">
        <v>6.8440769569013293E-2</v>
      </c>
      <c r="I137" s="184">
        <v>0.71808985989816865</v>
      </c>
      <c r="J137" s="92">
        <v>0.10445641505864187</v>
      </c>
      <c r="K137" s="91">
        <v>1.3152173472609512E-2</v>
      </c>
      <c r="L137" s="92">
        <v>4.429101430916646E-2</v>
      </c>
    </row>
    <row r="138" spans="1:12">
      <c r="A138" s="52" t="s">
        <v>548</v>
      </c>
      <c r="B138" s="178">
        <v>124</v>
      </c>
      <c r="C138" s="179">
        <v>5.1164310954443248</v>
      </c>
      <c r="D138" s="80">
        <v>0.28338621319310181</v>
      </c>
      <c r="E138" s="183">
        <v>0.18692416956762967</v>
      </c>
      <c r="F138" s="89">
        <v>7.0270422945416078E-2</v>
      </c>
      <c r="G138" s="183">
        <v>0.11665301407839353</v>
      </c>
      <c r="H138" s="89">
        <v>5.9183575557564483E-2</v>
      </c>
      <c r="I138" s="183">
        <v>0.65612794890282056</v>
      </c>
      <c r="J138" s="89">
        <v>8.4247358076671927E-2</v>
      </c>
      <c r="K138" s="88">
        <v>4.0294867451155743E-2</v>
      </c>
      <c r="L138" s="89">
        <v>4.0184288702975454E-2</v>
      </c>
    </row>
    <row r="139" spans="1:12">
      <c r="A139" s="44" t="s">
        <v>549</v>
      </c>
      <c r="B139" s="180">
        <v>100</v>
      </c>
      <c r="C139" s="181">
        <v>4.6929879930864544</v>
      </c>
      <c r="D139" s="182">
        <v>0.31695190004864215</v>
      </c>
      <c r="E139" s="184">
        <v>0.21076042884584148</v>
      </c>
      <c r="F139" s="92">
        <v>8.1489041784017058E-2</v>
      </c>
      <c r="G139" s="184">
        <v>0.2085005784616551</v>
      </c>
      <c r="H139" s="92">
        <v>8.1202190698076882E-2</v>
      </c>
      <c r="I139" s="184">
        <v>0.53197552352784172</v>
      </c>
      <c r="J139" s="92">
        <v>9.7872503838084476E-2</v>
      </c>
      <c r="K139" s="91">
        <v>4.87634691646626E-2</v>
      </c>
      <c r="L139" s="92">
        <v>4.8732801767089454E-2</v>
      </c>
    </row>
    <row r="140" spans="1:12">
      <c r="A140" s="52" t="s">
        <v>550</v>
      </c>
      <c r="B140" s="178">
        <v>132</v>
      </c>
      <c r="C140" s="179">
        <v>4.5614038349453354</v>
      </c>
      <c r="D140" s="80">
        <v>0.2823616920894842</v>
      </c>
      <c r="E140" s="183">
        <v>0.22017706433094084</v>
      </c>
      <c r="F140" s="89">
        <v>7.1996185396308102E-2</v>
      </c>
      <c r="G140" s="183">
        <v>0.18678372703080723</v>
      </c>
      <c r="H140" s="89">
        <v>6.8079009021665346E-2</v>
      </c>
      <c r="I140" s="183">
        <v>0.51673716333853792</v>
      </c>
      <c r="J140" s="89">
        <v>8.5704022732222079E-2</v>
      </c>
      <c r="K140" s="88">
        <v>7.6302045299714127E-2</v>
      </c>
      <c r="L140" s="89">
        <v>4.8774615674410229E-2</v>
      </c>
    </row>
    <row r="141" spans="1:12">
      <c r="A141" s="44" t="s">
        <v>551</v>
      </c>
      <c r="B141" s="180">
        <v>124</v>
      </c>
      <c r="C141" s="181">
        <v>4.9968549380218743</v>
      </c>
      <c r="D141" s="182">
        <v>0.28007114646453918</v>
      </c>
      <c r="E141" s="184">
        <v>0.19297360717423204</v>
      </c>
      <c r="F141" s="92">
        <v>7.1048907805533384E-2</v>
      </c>
      <c r="G141" s="184">
        <v>0.12788021051740034</v>
      </c>
      <c r="H141" s="92">
        <v>6.1249032061140685E-2</v>
      </c>
      <c r="I141" s="184">
        <v>0.63302093571086626</v>
      </c>
      <c r="J141" s="92">
        <v>8.5402367757231298E-2</v>
      </c>
      <c r="K141" s="91">
        <v>4.6125246597501335E-2</v>
      </c>
      <c r="L141" s="92">
        <v>4.2083131027604727E-2</v>
      </c>
    </row>
    <row r="142" spans="1:12">
      <c r="A142" s="52" t="s">
        <v>543</v>
      </c>
      <c r="B142" s="178">
        <v>167</v>
      </c>
      <c r="C142" s="179">
        <v>5.5907368841769891</v>
      </c>
      <c r="D142" s="80">
        <v>0.20869068808737126</v>
      </c>
      <c r="E142" s="183">
        <v>6.8283008903341172E-2</v>
      </c>
      <c r="F142" s="89">
        <v>4.1106897759106677E-2</v>
      </c>
      <c r="G142" s="183">
        <v>8.258255653024929E-2</v>
      </c>
      <c r="H142" s="89">
        <v>4.4279493204574E-2</v>
      </c>
      <c r="I142" s="183">
        <v>0.82363732063172801</v>
      </c>
      <c r="J142" s="89">
        <v>5.9254973272995712E-2</v>
      </c>
      <c r="K142" s="88">
        <v>2.5497113934681161E-2</v>
      </c>
      <c r="L142" s="89">
        <v>2.8718144625323051E-2</v>
      </c>
    </row>
    <row r="143" spans="1:12">
      <c r="A143" s="44" t="s">
        <v>544</v>
      </c>
      <c r="B143" s="180">
        <v>48</v>
      </c>
      <c r="C143" s="181">
        <v>5.7637842161044732</v>
      </c>
      <c r="D143" s="182">
        <v>0.41123349521731861</v>
      </c>
      <c r="E143" s="184">
        <v>9.0877753104213102E-2</v>
      </c>
      <c r="F143" s="92">
        <v>9.0884327142783661E-2</v>
      </c>
      <c r="G143" s="184">
        <v>7.2224661496553932E-2</v>
      </c>
      <c r="H143" s="92">
        <v>8.5069222413375042E-2</v>
      </c>
      <c r="I143" s="184">
        <v>0.83689758539923309</v>
      </c>
      <c r="J143" s="92">
        <v>0.10858883469762722</v>
      </c>
      <c r="K143" s="91">
        <v>0</v>
      </c>
      <c r="L143" s="92">
        <v>5.3336557329348951E-2</v>
      </c>
    </row>
    <row r="144" spans="1:12">
      <c r="A144" s="52" t="s">
        <v>552</v>
      </c>
      <c r="B144" s="178">
        <v>119</v>
      </c>
      <c r="C144" s="179">
        <v>5.5161490932966242</v>
      </c>
      <c r="D144" s="80">
        <v>0.2409465938786324</v>
      </c>
      <c r="E144" s="183">
        <v>5.8895581806735972E-2</v>
      </c>
      <c r="F144" s="89">
        <v>4.698253567472456E-2</v>
      </c>
      <c r="G144" s="183">
        <v>8.6885946010505158E-2</v>
      </c>
      <c r="H144" s="89">
        <v>5.4177166990822909E-2</v>
      </c>
      <c r="I144" s="183">
        <v>0.818128085046674</v>
      </c>
      <c r="J144" s="89">
        <v>7.1059338450325915E-2</v>
      </c>
      <c r="K144" s="88">
        <v>3.6090387136084368E-2</v>
      </c>
      <c r="L144" s="89">
        <v>3.9738087935201873E-2</v>
      </c>
    </row>
    <row r="145" spans="1:15">
      <c r="A145" s="44" t="s">
        <v>545</v>
      </c>
      <c r="B145" s="180">
        <v>190</v>
      </c>
      <c r="C145" s="181">
        <v>5.0168143156617653</v>
      </c>
      <c r="D145" s="182">
        <v>0.23397515749757697</v>
      </c>
      <c r="E145" s="184">
        <v>0.20367704625827276</v>
      </c>
      <c r="F145" s="92">
        <v>5.8464245363326728E-2</v>
      </c>
      <c r="G145" s="184">
        <v>0.1229629271982951</v>
      </c>
      <c r="H145" s="92">
        <v>4.8406516073029683E-2</v>
      </c>
      <c r="I145" s="184">
        <v>0.65318746508131231</v>
      </c>
      <c r="J145" s="92">
        <v>6.8487535319727108E-2</v>
      </c>
      <c r="K145" s="91">
        <v>2.0172561462118814E-2</v>
      </c>
      <c r="L145" s="92">
        <v>2.4520957467507851E-2</v>
      </c>
    </row>
    <row r="146" spans="1:15" s="238" customFormat="1">
      <c r="A146" s="231"/>
      <c r="B146" s="240"/>
      <c r="C146" s="241"/>
      <c r="D146" s="237"/>
      <c r="E146" s="241"/>
      <c r="F146" s="237"/>
      <c r="G146" s="241"/>
      <c r="H146" s="237"/>
      <c r="I146"/>
      <c r="J146"/>
      <c r="K146"/>
      <c r="L146"/>
      <c r="M146"/>
      <c r="N146"/>
      <c r="O146"/>
    </row>
    <row r="147" spans="1:15" s="238" customFormat="1">
      <c r="A147" s="231"/>
      <c r="B147" s="240"/>
      <c r="C147" s="241"/>
      <c r="D147" s="237"/>
      <c r="E147" s="241"/>
      <c r="F147" s="237"/>
      <c r="G147" s="241"/>
      <c r="H147" s="237"/>
      <c r="I147"/>
      <c r="J147"/>
      <c r="K147"/>
      <c r="L147"/>
      <c r="M147"/>
      <c r="N147"/>
      <c r="O147"/>
    </row>
    <row r="148" spans="1:15" ht="18.75">
      <c r="A148" s="335" t="s">
        <v>30</v>
      </c>
      <c r="B148" s="335"/>
      <c r="C148" s="335"/>
      <c r="D148" s="335"/>
      <c r="E148" s="335"/>
      <c r="F148" s="335"/>
      <c r="G148" s="335"/>
      <c r="H148" s="335"/>
      <c r="I148" s="335"/>
      <c r="J148" s="335"/>
    </row>
    <row r="149" spans="1:15" ht="38.25" customHeight="1">
      <c r="A149" s="408" t="s">
        <v>318</v>
      </c>
      <c r="B149" s="408"/>
      <c r="C149" s="408"/>
      <c r="D149" s="408"/>
      <c r="E149" s="408"/>
      <c r="F149" s="408"/>
      <c r="G149" s="408"/>
      <c r="H149" s="408"/>
      <c r="I149" s="408"/>
      <c r="J149" s="408"/>
    </row>
    <row r="150" spans="1:15" ht="36" customHeight="1">
      <c r="A150" s="287" t="s">
        <v>220</v>
      </c>
      <c r="B150" s="288"/>
      <c r="C150" s="288"/>
      <c r="D150" s="288"/>
      <c r="E150" s="288"/>
      <c r="F150" s="288"/>
      <c r="G150" s="288"/>
      <c r="H150" s="288"/>
      <c r="I150" s="288"/>
      <c r="J150" s="288"/>
    </row>
    <row r="151" spans="1:15" ht="37.5" customHeight="1">
      <c r="A151" s="105" t="s">
        <v>71</v>
      </c>
      <c r="B151" s="33" t="s">
        <v>72</v>
      </c>
      <c r="C151" s="34" t="s">
        <v>588</v>
      </c>
      <c r="D151" s="35" t="s">
        <v>73</v>
      </c>
      <c r="E151" s="33" t="s">
        <v>219</v>
      </c>
      <c r="F151" s="84" t="s">
        <v>138</v>
      </c>
      <c r="G151" s="33" t="s">
        <v>139</v>
      </c>
      <c r="H151" s="84" t="s">
        <v>140</v>
      </c>
      <c r="I151" s="33" t="s">
        <v>319</v>
      </c>
      <c r="J151" s="84" t="s">
        <v>320</v>
      </c>
    </row>
    <row r="152" spans="1:15" ht="72">
      <c r="A152" s="106"/>
      <c r="B152" s="37" t="s">
        <v>74</v>
      </c>
      <c r="C152" s="123" t="s">
        <v>306</v>
      </c>
      <c r="D152" s="39" t="s">
        <v>76</v>
      </c>
      <c r="E152" s="37" t="s">
        <v>183</v>
      </c>
      <c r="F152" s="86" t="s">
        <v>88</v>
      </c>
      <c r="G152" s="37" t="s">
        <v>184</v>
      </c>
      <c r="H152" s="86" t="s">
        <v>88</v>
      </c>
      <c r="I152" s="37" t="s">
        <v>185</v>
      </c>
      <c r="J152" s="86" t="s">
        <v>88</v>
      </c>
    </row>
    <row r="153" spans="1:15">
      <c r="A153" s="40" t="s">
        <v>350</v>
      </c>
      <c r="B153" s="185">
        <v>13851</v>
      </c>
      <c r="C153" s="179">
        <v>3.0329160970560132</v>
      </c>
      <c r="D153" s="80">
        <v>3.6623511781898717E-2</v>
      </c>
      <c r="E153" s="186">
        <v>0.37105043020143802</v>
      </c>
      <c r="F153" s="89">
        <v>8.2084289746870275E-3</v>
      </c>
      <c r="G153" s="186">
        <v>0.34435669868004803</v>
      </c>
      <c r="H153" s="89">
        <v>8.0738051360290924E-3</v>
      </c>
      <c r="I153" s="186">
        <v>0.28459287111853304</v>
      </c>
      <c r="J153" s="89">
        <v>7.6673261852317435E-3</v>
      </c>
    </row>
    <row r="154" spans="1:15">
      <c r="A154" s="44" t="s">
        <v>351</v>
      </c>
      <c r="B154" s="44">
        <v>10168</v>
      </c>
      <c r="C154" s="181">
        <v>3.2855500810756517</v>
      </c>
      <c r="D154" s="182">
        <v>4.3504768149603079E-2</v>
      </c>
      <c r="E154" s="188">
        <v>0.33692624218903311</v>
      </c>
      <c r="F154" s="92">
        <v>9.3733640094873748E-3</v>
      </c>
      <c r="G154" s="188">
        <v>0.33185389271766746</v>
      </c>
      <c r="H154" s="92">
        <v>9.3380838807650968E-3</v>
      </c>
      <c r="I154" s="188">
        <v>0.3312198650932992</v>
      </c>
      <c r="J154" s="92">
        <v>9.3335884448259264E-3</v>
      </c>
    </row>
    <row r="155" spans="1:15">
      <c r="A155" s="40" t="s">
        <v>352</v>
      </c>
      <c r="B155" s="48">
        <v>3683</v>
      </c>
      <c r="C155" s="179">
        <v>2.8273523170568304</v>
      </c>
      <c r="D155" s="80">
        <v>6.3360027012683451E-2</v>
      </c>
      <c r="E155" s="186">
        <v>0.39881667512865937</v>
      </c>
      <c r="F155" s="89">
        <v>1.6128859226447259E-2</v>
      </c>
      <c r="G155" s="186">
        <v>0.35453000954395897</v>
      </c>
      <c r="H155" s="89">
        <v>1.5758014580535377E-2</v>
      </c>
      <c r="I155" s="186">
        <v>0.24665331532738238</v>
      </c>
      <c r="J155" s="89">
        <v>1.4203551377707875E-2</v>
      </c>
    </row>
    <row r="156" spans="1:15">
      <c r="A156" s="44" t="s">
        <v>534</v>
      </c>
      <c r="B156" s="44">
        <v>1872</v>
      </c>
      <c r="C156" s="181">
        <v>2.9671520505909266</v>
      </c>
      <c r="D156" s="182">
        <v>9.6825408640268673E-2</v>
      </c>
      <c r="E156" s="188">
        <v>0.3730378706433129</v>
      </c>
      <c r="F156" s="92">
        <v>2.2334407648835004E-2</v>
      </c>
      <c r="G156" s="188">
        <v>0.36633151591426921</v>
      </c>
      <c r="H156" s="92">
        <v>2.2251175583083389E-2</v>
      </c>
      <c r="I156" s="188">
        <v>0.26063061344241967</v>
      </c>
      <c r="J156" s="92">
        <v>2.0282986041514517E-2</v>
      </c>
    </row>
    <row r="157" spans="1:15">
      <c r="A157" s="40" t="s">
        <v>535</v>
      </c>
      <c r="B157" s="48">
        <v>1530</v>
      </c>
      <c r="C157" s="179">
        <v>2.9742287521792896</v>
      </c>
      <c r="D157" s="80">
        <v>0.10882990922791337</v>
      </c>
      <c r="E157" s="186">
        <v>0.3831677181811925</v>
      </c>
      <c r="F157" s="89">
        <v>2.4829079894230926E-2</v>
      </c>
      <c r="G157" s="186">
        <v>0.35412218745618451</v>
      </c>
      <c r="H157" s="89">
        <v>2.4427232687091731E-2</v>
      </c>
      <c r="I157" s="186">
        <v>0.26271009436262233</v>
      </c>
      <c r="J157" s="89">
        <v>2.2490720276803981E-2</v>
      </c>
    </row>
    <row r="158" spans="1:15">
      <c r="A158" s="44" t="s">
        <v>546</v>
      </c>
      <c r="B158" s="44">
        <v>346</v>
      </c>
      <c r="C158" s="181">
        <v>2.9517318682112315</v>
      </c>
      <c r="D158" s="182">
        <v>0.20723812036390718</v>
      </c>
      <c r="E158" s="188">
        <v>0.33684205011633672</v>
      </c>
      <c r="F158" s="92">
        <v>5.0594689204688716E-2</v>
      </c>
      <c r="G158" s="188">
        <v>0.40908429267196689</v>
      </c>
      <c r="H158" s="92">
        <v>5.2581602873874651E-2</v>
      </c>
      <c r="I158" s="188">
        <v>0.2540736572116955</v>
      </c>
      <c r="J158" s="92">
        <v>4.6708179666391868E-2</v>
      </c>
    </row>
    <row r="159" spans="1:15">
      <c r="A159" s="40" t="s">
        <v>536</v>
      </c>
      <c r="B159" s="48">
        <v>295</v>
      </c>
      <c r="C159" s="179">
        <v>3.4269268356639278</v>
      </c>
      <c r="D159" s="80">
        <v>0.25784126692859238</v>
      </c>
      <c r="E159" s="186">
        <v>0.32750634342969476</v>
      </c>
      <c r="F159" s="89">
        <v>5.4378422422829392E-2</v>
      </c>
      <c r="G159" s="186">
        <v>0.30990539378899679</v>
      </c>
      <c r="H159" s="89">
        <v>5.3608817460446934E-2</v>
      </c>
      <c r="I159" s="186">
        <v>0.36258826278130657</v>
      </c>
      <c r="J159" s="89">
        <v>5.5665008410731763E-2</v>
      </c>
    </row>
    <row r="160" spans="1:15">
      <c r="A160" s="44" t="s">
        <v>537</v>
      </c>
      <c r="B160" s="44">
        <v>87</v>
      </c>
      <c r="C160" s="181">
        <v>3.774873477384213</v>
      </c>
      <c r="D160" s="182">
        <v>0.45049611717615407</v>
      </c>
      <c r="E160" s="188">
        <v>0.18032491909344955</v>
      </c>
      <c r="F160" s="92">
        <v>8.2965455447898212E-2</v>
      </c>
      <c r="G160" s="188">
        <v>0.49695332897180755</v>
      </c>
      <c r="H160" s="92">
        <v>0.10482670490205248</v>
      </c>
      <c r="I160" s="188">
        <v>0.32272175193474273</v>
      </c>
      <c r="J160" s="92">
        <v>9.8622281861813182E-2</v>
      </c>
    </row>
    <row r="161" spans="1:10">
      <c r="A161" s="40" t="s">
        <v>538</v>
      </c>
      <c r="B161" s="48">
        <v>90</v>
      </c>
      <c r="C161" s="179">
        <v>3.7438061991367744</v>
      </c>
      <c r="D161" s="80">
        <v>0.46557288381101253</v>
      </c>
      <c r="E161" s="186">
        <v>0.24732809382621709</v>
      </c>
      <c r="F161" s="89">
        <v>9.0265508378170961E-2</v>
      </c>
      <c r="G161" s="186">
        <v>0.31841266954644692</v>
      </c>
      <c r="H161" s="89">
        <v>9.6705877261101844E-2</v>
      </c>
      <c r="I161" s="186">
        <v>0.43425923662733612</v>
      </c>
      <c r="J161" s="89">
        <v>0.10232159211186218</v>
      </c>
    </row>
    <row r="162" spans="1:10">
      <c r="A162" s="44" t="s">
        <v>539</v>
      </c>
      <c r="B162" s="44">
        <v>99</v>
      </c>
      <c r="C162" s="181">
        <v>3.088397241487983</v>
      </c>
      <c r="D162" s="182">
        <v>0.45074523651164061</v>
      </c>
      <c r="E162" s="188">
        <v>0.4454612134291891</v>
      </c>
      <c r="F162" s="92">
        <v>9.7989906811741606E-2</v>
      </c>
      <c r="G162" s="188">
        <v>0.20073767035721521</v>
      </c>
      <c r="H162" s="92">
        <v>8.0595585798570138E-2</v>
      </c>
      <c r="I162" s="188">
        <v>0.35380111621359622</v>
      </c>
      <c r="J162" s="92">
        <v>9.4561589580148125E-2</v>
      </c>
    </row>
    <row r="163" spans="1:10">
      <c r="A163" s="40" t="s">
        <v>540</v>
      </c>
      <c r="B163" s="185">
        <v>111</v>
      </c>
      <c r="C163" s="179">
        <v>3.4014506587167572</v>
      </c>
      <c r="D163" s="80">
        <v>0.39171644938053118</v>
      </c>
      <c r="E163" s="186">
        <v>0.28138002219589681</v>
      </c>
      <c r="F163" s="89">
        <v>8.4539125016277833E-2</v>
      </c>
      <c r="G163" s="186">
        <v>0.40292874856661293</v>
      </c>
      <c r="H163" s="89">
        <v>9.1598608911924728E-2</v>
      </c>
      <c r="I163" s="186">
        <v>0.31569122923749027</v>
      </c>
      <c r="J163" s="89">
        <v>8.7148507053665489E-2</v>
      </c>
    </row>
    <row r="164" spans="1:10">
      <c r="A164" s="44" t="s">
        <v>541</v>
      </c>
      <c r="B164" s="187">
        <v>112</v>
      </c>
      <c r="C164" s="181">
        <v>3.4516864709169823</v>
      </c>
      <c r="D164" s="182">
        <v>0.39656116111453027</v>
      </c>
      <c r="E164" s="188">
        <v>0.32435883557312856</v>
      </c>
      <c r="F164" s="92">
        <v>8.7344161274376747E-2</v>
      </c>
      <c r="G164" s="188">
        <v>0.35570608469349446</v>
      </c>
      <c r="H164" s="92">
        <v>8.9170588467092832E-2</v>
      </c>
      <c r="I164" s="188">
        <v>0.31993507973337726</v>
      </c>
      <c r="J164" s="92">
        <v>8.705411832292502E-2</v>
      </c>
    </row>
    <row r="165" spans="1:10">
      <c r="A165" s="40" t="s">
        <v>542</v>
      </c>
      <c r="B165" s="49">
        <v>173</v>
      </c>
      <c r="C165" s="179">
        <v>3.0925912199654313</v>
      </c>
      <c r="D165" s="80">
        <v>0.32432800240771426</v>
      </c>
      <c r="E165" s="186">
        <v>0.35112123323311628</v>
      </c>
      <c r="F165" s="89">
        <v>7.1911055515396685E-2</v>
      </c>
      <c r="G165" s="186">
        <v>0.35608840212370185</v>
      </c>
      <c r="H165" s="89">
        <v>7.2129034548407356E-2</v>
      </c>
      <c r="I165" s="186">
        <v>0.29279036464318164</v>
      </c>
      <c r="J165" s="89">
        <v>6.8722456945687099E-2</v>
      </c>
    </row>
    <row r="166" spans="1:10">
      <c r="A166" s="44" t="s">
        <v>547</v>
      </c>
      <c r="B166" s="187">
        <v>72</v>
      </c>
      <c r="C166" s="181">
        <v>2.761223783431892</v>
      </c>
      <c r="D166" s="182">
        <v>0.4599385888108416</v>
      </c>
      <c r="E166" s="188">
        <v>0.40598383893564433</v>
      </c>
      <c r="F166" s="92">
        <v>0.11287321758154938</v>
      </c>
      <c r="G166" s="188">
        <v>0.37019992894322007</v>
      </c>
      <c r="H166" s="92">
        <v>0.11118470901780378</v>
      </c>
      <c r="I166" s="188">
        <v>0.2238162321211358</v>
      </c>
      <c r="J166" s="92">
        <v>9.7748452449980969E-2</v>
      </c>
    </row>
    <row r="167" spans="1:10">
      <c r="A167" s="52" t="s">
        <v>548</v>
      </c>
      <c r="B167" s="185">
        <v>121</v>
      </c>
      <c r="C167" s="179">
        <v>2.5077603549284317</v>
      </c>
      <c r="D167" s="80">
        <v>0.36591178147727593</v>
      </c>
      <c r="E167" s="186">
        <v>0.47813243466729671</v>
      </c>
      <c r="F167" s="89">
        <v>8.9362528899919663E-2</v>
      </c>
      <c r="G167" s="186">
        <v>0.33006031218529591</v>
      </c>
      <c r="H167" s="89">
        <v>8.4463335049411017E-2</v>
      </c>
      <c r="I167" s="186">
        <v>0.1918072531474069</v>
      </c>
      <c r="J167" s="89">
        <v>7.1777180922381237E-2</v>
      </c>
    </row>
    <row r="168" spans="1:10">
      <c r="A168" s="44" t="s">
        <v>549</v>
      </c>
      <c r="B168" s="187">
        <v>102</v>
      </c>
      <c r="C168" s="181">
        <v>3.1115220635852743</v>
      </c>
      <c r="D168" s="182">
        <v>0.39171936768842469</v>
      </c>
      <c r="E168" s="188">
        <v>0.31331634302294381</v>
      </c>
      <c r="F168" s="92">
        <v>9.0643367734754524E-2</v>
      </c>
      <c r="G168" s="188">
        <v>0.43878359742911427</v>
      </c>
      <c r="H168" s="92">
        <v>9.6452166651457921E-2</v>
      </c>
      <c r="I168" s="188">
        <v>0.24790005954794295</v>
      </c>
      <c r="J168" s="92">
        <v>8.4930976620708282E-2</v>
      </c>
    </row>
    <row r="169" spans="1:10">
      <c r="A169" s="52" t="s">
        <v>550</v>
      </c>
      <c r="B169" s="185">
        <v>131</v>
      </c>
      <c r="C169" s="179">
        <v>2.374133222401722</v>
      </c>
      <c r="D169" s="80">
        <v>0.32446564025523422</v>
      </c>
      <c r="E169" s="186">
        <v>0.51118010219674881</v>
      </c>
      <c r="F169" s="89">
        <v>8.604603465116055E-2</v>
      </c>
      <c r="G169" s="186">
        <v>0.3106620832617018</v>
      </c>
      <c r="H169" s="89">
        <v>8.0045183008797566E-2</v>
      </c>
      <c r="I169" s="186">
        <v>0.17815781454154953</v>
      </c>
      <c r="J169" s="89">
        <v>6.7212187380462238E-2</v>
      </c>
    </row>
    <row r="170" spans="1:10">
      <c r="A170" s="44" t="s">
        <v>551</v>
      </c>
      <c r="B170" s="187">
        <v>124</v>
      </c>
      <c r="C170" s="181">
        <v>2.6772190456358516</v>
      </c>
      <c r="D170" s="182">
        <v>0.34227535697058353</v>
      </c>
      <c r="E170" s="188">
        <v>0.40755228453743791</v>
      </c>
      <c r="F170" s="92">
        <v>8.6958904606576279E-2</v>
      </c>
      <c r="G170" s="188">
        <v>0.40923363644928368</v>
      </c>
      <c r="H170" s="92">
        <v>8.7010834473115362E-2</v>
      </c>
      <c r="I170" s="188">
        <v>0.18321407901327824</v>
      </c>
      <c r="J170" s="92">
        <v>6.9781077632848743E-2</v>
      </c>
    </row>
    <row r="171" spans="1:10">
      <c r="A171" s="52" t="s">
        <v>543</v>
      </c>
      <c r="B171" s="185">
        <v>167</v>
      </c>
      <c r="C171" s="179">
        <v>3.2760456211669697</v>
      </c>
      <c r="D171" s="80">
        <v>0.33221648016460725</v>
      </c>
      <c r="E171" s="186">
        <v>0.3273222239482399</v>
      </c>
      <c r="F171" s="89">
        <v>7.1991072587755264E-2</v>
      </c>
      <c r="G171" s="186">
        <v>0.33875048782060829</v>
      </c>
      <c r="H171" s="89">
        <v>7.2579991356457374E-2</v>
      </c>
      <c r="I171" s="186">
        <v>0.33392728823115109</v>
      </c>
      <c r="J171" s="89">
        <v>7.2336941036396749E-2</v>
      </c>
    </row>
    <row r="172" spans="1:10">
      <c r="A172" s="44" t="s">
        <v>544</v>
      </c>
      <c r="B172" s="187">
        <v>49</v>
      </c>
      <c r="C172" s="181">
        <v>3.7073662599989783</v>
      </c>
      <c r="D172" s="182">
        <v>0.68190908484929269</v>
      </c>
      <c r="E172" s="188">
        <v>0.35561471013789236</v>
      </c>
      <c r="F172" s="92">
        <v>0.13237479018755188</v>
      </c>
      <c r="G172" s="188">
        <v>0.18288223295139758</v>
      </c>
      <c r="H172" s="92">
        <v>0.11126814001732759</v>
      </c>
      <c r="I172" s="188">
        <v>0.46150305691070997</v>
      </c>
      <c r="J172" s="92">
        <v>0.13701211740168101</v>
      </c>
    </row>
    <row r="173" spans="1:10">
      <c r="A173" s="52" t="s">
        <v>552</v>
      </c>
      <c r="B173" s="185">
        <v>118</v>
      </c>
      <c r="C173" s="179">
        <v>3.092725074268301</v>
      </c>
      <c r="D173" s="80">
        <v>0.37148133920034526</v>
      </c>
      <c r="E173" s="186">
        <v>0.31529730889790708</v>
      </c>
      <c r="F173" s="89">
        <v>8.4559669022213402E-2</v>
      </c>
      <c r="G173" s="186">
        <v>0.40499784803073269</v>
      </c>
      <c r="H173" s="89">
        <v>8.8993777472469282E-2</v>
      </c>
      <c r="I173" s="186">
        <v>0.27970484307135929</v>
      </c>
      <c r="J173" s="89">
        <v>8.190361534819221E-2</v>
      </c>
    </row>
    <row r="174" spans="1:10">
      <c r="A174" s="44" t="s">
        <v>545</v>
      </c>
      <c r="B174" s="187">
        <v>190</v>
      </c>
      <c r="C174" s="181">
        <v>3.2901097171334728</v>
      </c>
      <c r="D174" s="182">
        <v>0.32500346061246016</v>
      </c>
      <c r="E174" s="188">
        <v>0.36534142357736549</v>
      </c>
      <c r="F174" s="92">
        <v>6.9253323835049674E-2</v>
      </c>
      <c r="G174" s="188">
        <v>0.2997614198269134</v>
      </c>
      <c r="H174" s="92">
        <v>6.6042923818752722E-2</v>
      </c>
      <c r="I174" s="188">
        <v>0.33489715659572028</v>
      </c>
      <c r="J174" s="92">
        <v>6.7937743333635697E-2</v>
      </c>
    </row>
    <row r="177" spans="1:4" ht="18.75">
      <c r="A177" s="337" t="s">
        <v>13</v>
      </c>
      <c r="B177" s="337"/>
      <c r="C177" s="337"/>
      <c r="D177" s="337"/>
    </row>
    <row r="178" spans="1:4" ht="92.25" customHeight="1">
      <c r="A178" s="391" t="s">
        <v>398</v>
      </c>
      <c r="B178" s="391"/>
      <c r="C178" s="391"/>
      <c r="D178" s="391"/>
    </row>
    <row r="179" spans="1:4" ht="47.25" customHeight="1">
      <c r="A179" s="412" t="s">
        <v>14</v>
      </c>
      <c r="B179" s="339"/>
      <c r="C179" s="339"/>
      <c r="D179" s="339"/>
    </row>
    <row r="180" spans="1:4" ht="72">
      <c r="A180" s="32" t="s">
        <v>71</v>
      </c>
      <c r="B180" s="33" t="s">
        <v>72</v>
      </c>
      <c r="C180" s="34" t="s">
        <v>589</v>
      </c>
      <c r="D180" s="35" t="s">
        <v>73</v>
      </c>
    </row>
    <row r="181" spans="1:4" ht="72">
      <c r="A181" s="36"/>
      <c r="B181" s="37" t="s">
        <v>74</v>
      </c>
      <c r="C181" s="123" t="s">
        <v>399</v>
      </c>
      <c r="D181" s="39" t="s">
        <v>76</v>
      </c>
    </row>
    <row r="182" spans="1:4">
      <c r="A182" s="40" t="s">
        <v>350</v>
      </c>
      <c r="B182" s="161">
        <v>13827</v>
      </c>
      <c r="C182" s="162">
        <v>5.0982380875424731</v>
      </c>
      <c r="D182" s="81">
        <v>2.4190472874140591E-2</v>
      </c>
    </row>
    <row r="183" spans="1:4">
      <c r="A183" s="44" t="s">
        <v>351</v>
      </c>
      <c r="B183" s="44">
        <v>10151</v>
      </c>
      <c r="C183" s="164">
        <v>5.3220089317492016</v>
      </c>
      <c r="D183" s="82">
        <v>2.8117786814764043E-2</v>
      </c>
    </row>
    <row r="184" spans="1:4">
      <c r="A184" s="40" t="s">
        <v>352</v>
      </c>
      <c r="B184" s="48">
        <v>3676</v>
      </c>
      <c r="C184" s="162">
        <v>4.9158790423429561</v>
      </c>
      <c r="D184" s="81">
        <v>4.4776993159336351E-2</v>
      </c>
    </row>
    <row r="185" spans="1:4">
      <c r="A185" s="44" t="s">
        <v>534</v>
      </c>
      <c r="B185" s="44">
        <v>1867</v>
      </c>
      <c r="C185" s="164">
        <v>5.0151632196238562</v>
      </c>
      <c r="D185" s="82">
        <v>6.682441330212241E-2</v>
      </c>
    </row>
    <row r="186" spans="1:4">
      <c r="A186" s="40" t="s">
        <v>535</v>
      </c>
      <c r="B186" s="48">
        <v>1524</v>
      </c>
      <c r="C186" s="162">
        <v>5.0965069445216553</v>
      </c>
      <c r="D186" s="81">
        <v>7.4804184315137939E-2</v>
      </c>
    </row>
    <row r="187" spans="1:4">
      <c r="A187" s="44" t="s">
        <v>546</v>
      </c>
      <c r="B187" s="44">
        <v>347</v>
      </c>
      <c r="C187" s="164">
        <v>4.7506803654246728</v>
      </c>
      <c r="D187" s="82">
        <v>0.14024444612875589</v>
      </c>
    </row>
    <row r="188" spans="1:4">
      <c r="A188" s="40" t="s">
        <v>536</v>
      </c>
      <c r="B188" s="48">
        <v>296</v>
      </c>
      <c r="C188" s="162">
        <v>5.1622902910621047</v>
      </c>
      <c r="D188" s="81">
        <v>0.17665613735733854</v>
      </c>
    </row>
    <row r="189" spans="1:4">
      <c r="A189" s="44" t="s">
        <v>537</v>
      </c>
      <c r="B189" s="44">
        <v>88</v>
      </c>
      <c r="C189" s="164">
        <v>5.163452503517922</v>
      </c>
      <c r="D189" s="82">
        <v>0.29231547481520753</v>
      </c>
    </row>
    <row r="190" spans="1:4">
      <c r="A190" s="40" t="s">
        <v>538</v>
      </c>
      <c r="B190" s="48">
        <v>89</v>
      </c>
      <c r="C190" s="162">
        <v>5.2837533833326411</v>
      </c>
      <c r="D190" s="81">
        <v>0.31342630091748847</v>
      </c>
    </row>
    <row r="191" spans="1:4">
      <c r="A191" s="44" t="s">
        <v>539</v>
      </c>
      <c r="B191" s="44">
        <v>100</v>
      </c>
      <c r="C191" s="164">
        <v>5.0639944361895131</v>
      </c>
      <c r="D191" s="82">
        <v>0.33790264006642634</v>
      </c>
    </row>
    <row r="192" spans="1:4">
      <c r="A192" s="40" t="s">
        <v>540</v>
      </c>
      <c r="B192" s="161">
        <v>111</v>
      </c>
      <c r="C192" s="162">
        <v>5.327542517687391</v>
      </c>
      <c r="D192" s="81">
        <v>0.23610867433021757</v>
      </c>
    </row>
    <row r="193" spans="1:34">
      <c r="A193" s="44" t="s">
        <v>541</v>
      </c>
      <c r="B193" s="163">
        <v>111</v>
      </c>
      <c r="C193" s="164">
        <v>5.4598623309869012</v>
      </c>
      <c r="D193" s="82">
        <v>0.25338690575230161</v>
      </c>
    </row>
    <row r="194" spans="1:34">
      <c r="A194" s="40" t="s">
        <v>542</v>
      </c>
      <c r="B194" s="78">
        <v>171</v>
      </c>
      <c r="C194" s="162">
        <v>4.8459753162224422</v>
      </c>
      <c r="D194" s="81">
        <v>0.2232133349100108</v>
      </c>
    </row>
    <row r="195" spans="1:34">
      <c r="A195" s="44" t="s">
        <v>547</v>
      </c>
      <c r="B195" s="163">
        <v>72</v>
      </c>
      <c r="C195" s="164">
        <v>4.9970239756825645</v>
      </c>
      <c r="D195" s="82">
        <v>0.31215778901720859</v>
      </c>
    </row>
    <row r="196" spans="1:34">
      <c r="A196" s="52" t="s">
        <v>548</v>
      </c>
      <c r="B196" s="161">
        <v>123</v>
      </c>
      <c r="C196" s="162">
        <v>4.9857761224435739</v>
      </c>
      <c r="D196" s="81">
        <v>0.26910998479580356</v>
      </c>
    </row>
    <row r="197" spans="1:34">
      <c r="A197" s="44" t="s">
        <v>549</v>
      </c>
      <c r="B197" s="163">
        <v>100</v>
      </c>
      <c r="C197" s="164">
        <v>4.9096764035670404</v>
      </c>
      <c r="D197" s="82">
        <v>0.31884707929907913</v>
      </c>
    </row>
    <row r="198" spans="1:34">
      <c r="A198" s="52" t="s">
        <v>550</v>
      </c>
      <c r="B198" s="161">
        <v>130</v>
      </c>
      <c r="C198" s="162">
        <v>4.9380380739143135</v>
      </c>
      <c r="D198" s="81">
        <v>0.26889027219691075</v>
      </c>
    </row>
    <row r="199" spans="1:34">
      <c r="A199" s="44" t="s">
        <v>551</v>
      </c>
      <c r="B199" s="163">
        <v>122</v>
      </c>
      <c r="C199" s="164">
        <v>5.040160498235581</v>
      </c>
      <c r="D199" s="82">
        <v>0.25718111302459151</v>
      </c>
    </row>
    <row r="200" spans="1:34">
      <c r="A200" s="52" t="s">
        <v>543</v>
      </c>
      <c r="B200" s="161">
        <v>168</v>
      </c>
      <c r="C200" s="162">
        <v>5.5068079520874251</v>
      </c>
      <c r="D200" s="81">
        <v>0.19090619768367545</v>
      </c>
    </row>
    <row r="201" spans="1:34">
      <c r="A201" s="44" t="s">
        <v>544</v>
      </c>
      <c r="B201" s="163">
        <v>49</v>
      </c>
      <c r="C201" s="164">
        <v>5.7611186987125578</v>
      </c>
      <c r="D201" s="82">
        <v>0.33766079845729036</v>
      </c>
    </row>
    <row r="202" spans="1:34">
      <c r="A202" s="52" t="s">
        <v>552</v>
      </c>
      <c r="B202" s="161">
        <v>119</v>
      </c>
      <c r="C202" s="162">
        <v>5.3996848731155058</v>
      </c>
      <c r="D202" s="81">
        <v>0.22914024147295692</v>
      </c>
    </row>
    <row r="203" spans="1:34">
      <c r="A203" s="44" t="s">
        <v>545</v>
      </c>
      <c r="B203" s="163">
        <v>188</v>
      </c>
      <c r="C203" s="164">
        <v>5.1242082723554665</v>
      </c>
      <c r="D203" s="82">
        <v>0.2199904033139187</v>
      </c>
    </row>
    <row r="206" spans="1:34" ht="18.75">
      <c r="A206" s="337" t="s">
        <v>400</v>
      </c>
      <c r="B206" s="337"/>
      <c r="C206" s="337"/>
      <c r="D206" s="337"/>
      <c r="E206" s="337"/>
      <c r="F206" s="337"/>
      <c r="G206" s="337"/>
      <c r="H206" s="337"/>
      <c r="I206" s="337"/>
      <c r="J206" s="337"/>
      <c r="K206" s="337"/>
      <c r="L206" s="337"/>
      <c r="M206" s="337"/>
      <c r="N206" s="337"/>
      <c r="O206" s="337"/>
      <c r="P206" s="337"/>
      <c r="Q206" s="337"/>
      <c r="R206" s="337"/>
      <c r="S206" s="337"/>
      <c r="T206" s="337"/>
      <c r="U206" s="337"/>
      <c r="V206" s="337"/>
      <c r="W206" s="337"/>
      <c r="X206" s="337"/>
      <c r="Y206" s="337"/>
      <c r="Z206" s="337"/>
      <c r="AA206" s="337"/>
      <c r="AB206" s="337"/>
      <c r="AC206" s="337"/>
      <c r="AD206" s="337"/>
      <c r="AE206" s="337"/>
      <c r="AF206" s="337"/>
      <c r="AG206" s="337"/>
      <c r="AH206" s="337"/>
    </row>
    <row r="207" spans="1:34" ht="58.5" customHeight="1">
      <c r="A207" s="391" t="s">
        <v>592</v>
      </c>
      <c r="B207" s="391"/>
      <c r="C207" s="391"/>
      <c r="D207" s="391"/>
      <c r="E207" s="391"/>
      <c r="F207" s="391"/>
      <c r="G207" s="391"/>
      <c r="H207" s="391"/>
      <c r="I207" s="391"/>
      <c r="J207" s="391"/>
      <c r="K207" s="391"/>
      <c r="L207" s="391"/>
      <c r="M207" s="391"/>
      <c r="N207" s="391"/>
      <c r="O207" s="391"/>
      <c r="P207" s="391"/>
      <c r="Q207" s="391"/>
      <c r="R207" s="391"/>
      <c r="S207" s="391"/>
      <c r="T207" s="391"/>
      <c r="U207" s="391"/>
      <c r="V207" s="391"/>
      <c r="W207" s="391"/>
      <c r="X207" s="391"/>
      <c r="Y207" s="391"/>
      <c r="Z207" s="391"/>
      <c r="AA207" s="391"/>
      <c r="AB207" s="391"/>
      <c r="AC207" s="391"/>
      <c r="AD207" s="391"/>
      <c r="AE207" s="391"/>
      <c r="AF207" s="391"/>
      <c r="AG207" s="391"/>
      <c r="AH207" s="391"/>
    </row>
    <row r="208" spans="1:34" ht="36" customHeight="1">
      <c r="A208" s="291"/>
      <c r="B208" s="398" t="s">
        <v>141</v>
      </c>
      <c r="C208" s="399"/>
      <c r="D208" s="399"/>
      <c r="E208" s="399"/>
      <c r="F208" s="399"/>
      <c r="G208" s="399"/>
      <c r="H208" s="399"/>
      <c r="I208" s="399"/>
      <c r="J208" s="399"/>
      <c r="K208" s="399"/>
      <c r="L208" s="399"/>
      <c r="M208" s="398" t="s">
        <v>401</v>
      </c>
      <c r="N208" s="399"/>
      <c r="O208" s="399"/>
      <c r="P208" s="399"/>
      <c r="Q208" s="399"/>
      <c r="R208" s="399"/>
      <c r="S208" s="399"/>
      <c r="T208" s="399"/>
      <c r="U208" s="399"/>
      <c r="V208" s="399"/>
      <c r="W208" s="399"/>
      <c r="X208" s="398" t="s">
        <v>402</v>
      </c>
      <c r="Y208" s="399"/>
      <c r="Z208" s="399"/>
      <c r="AA208" s="399"/>
      <c r="AB208" s="399"/>
      <c r="AC208" s="399"/>
      <c r="AD208" s="399"/>
      <c r="AE208" s="399"/>
      <c r="AF208" s="399"/>
      <c r="AG208" s="399"/>
      <c r="AH208" s="399"/>
    </row>
    <row r="209" spans="1:34" ht="39.75" customHeight="1">
      <c r="A209" s="32" t="s">
        <v>71</v>
      </c>
      <c r="B209" s="33" t="s">
        <v>72</v>
      </c>
      <c r="C209" s="34" t="s">
        <v>589</v>
      </c>
      <c r="D209" s="35" t="s">
        <v>73</v>
      </c>
      <c r="E209" s="33" t="s">
        <v>156</v>
      </c>
      <c r="F209" s="84" t="s">
        <v>85</v>
      </c>
      <c r="G209" s="33" t="s">
        <v>157</v>
      </c>
      <c r="H209" s="84" t="s">
        <v>86</v>
      </c>
      <c r="I209" s="33" t="s">
        <v>158</v>
      </c>
      <c r="J209" s="84" t="s">
        <v>87</v>
      </c>
      <c r="K209" s="33" t="s">
        <v>301</v>
      </c>
      <c r="L209" s="84" t="s">
        <v>300</v>
      </c>
      <c r="M209" s="60" t="s">
        <v>72</v>
      </c>
      <c r="N209" s="61" t="s">
        <v>589</v>
      </c>
      <c r="O209" s="62" t="s">
        <v>73</v>
      </c>
      <c r="P209" s="60" t="s">
        <v>156</v>
      </c>
      <c r="Q209" s="83" t="s">
        <v>85</v>
      </c>
      <c r="R209" s="60" t="s">
        <v>157</v>
      </c>
      <c r="S209" s="83" t="s">
        <v>86</v>
      </c>
      <c r="T209" s="60" t="s">
        <v>158</v>
      </c>
      <c r="U209" s="83" t="s">
        <v>87</v>
      </c>
      <c r="V209" s="60" t="s">
        <v>301</v>
      </c>
      <c r="W209" s="83" t="s">
        <v>300</v>
      </c>
      <c r="X209" s="33" t="s">
        <v>72</v>
      </c>
      <c r="Y209" s="34" t="s">
        <v>588</v>
      </c>
      <c r="Z209" s="35" t="s">
        <v>73</v>
      </c>
      <c r="AA209" s="33" t="s">
        <v>158</v>
      </c>
      <c r="AB209" s="84" t="s">
        <v>87</v>
      </c>
      <c r="AC209" s="33" t="s">
        <v>157</v>
      </c>
      <c r="AD209" s="84" t="s">
        <v>86</v>
      </c>
      <c r="AE209" s="33" t="s">
        <v>156</v>
      </c>
      <c r="AF209" s="84" t="s">
        <v>576</v>
      </c>
      <c r="AG209" s="33" t="s">
        <v>301</v>
      </c>
      <c r="AH209" s="84" t="s">
        <v>300</v>
      </c>
    </row>
    <row r="210" spans="1:34" ht="73.5" customHeight="1">
      <c r="A210" s="36"/>
      <c r="B210" s="37" t="s">
        <v>74</v>
      </c>
      <c r="C210" s="123" t="s">
        <v>305</v>
      </c>
      <c r="D210" s="39" t="s">
        <v>76</v>
      </c>
      <c r="E210" s="37" t="s">
        <v>159</v>
      </c>
      <c r="F210" s="86" t="s">
        <v>142</v>
      </c>
      <c r="G210" s="37" t="s">
        <v>160</v>
      </c>
      <c r="H210" s="86" t="s">
        <v>88</v>
      </c>
      <c r="I210" s="37" t="s">
        <v>161</v>
      </c>
      <c r="J210" s="86" t="s">
        <v>88</v>
      </c>
      <c r="K210" s="37" t="s">
        <v>301</v>
      </c>
      <c r="L210" s="86" t="s">
        <v>88</v>
      </c>
      <c r="M210" s="63" t="s">
        <v>74</v>
      </c>
      <c r="N210" s="254" t="s">
        <v>305</v>
      </c>
      <c r="O210" s="65" t="s">
        <v>76</v>
      </c>
      <c r="P210" s="63" t="s">
        <v>159</v>
      </c>
      <c r="Q210" s="85" t="s">
        <v>142</v>
      </c>
      <c r="R210" s="63" t="s">
        <v>160</v>
      </c>
      <c r="S210" s="85" t="s">
        <v>88</v>
      </c>
      <c r="T210" s="63" t="s">
        <v>161</v>
      </c>
      <c r="U210" s="85" t="s">
        <v>88</v>
      </c>
      <c r="V210" s="63" t="s">
        <v>301</v>
      </c>
      <c r="W210" s="85" t="s">
        <v>88</v>
      </c>
      <c r="X210" s="37" t="s">
        <v>74</v>
      </c>
      <c r="Y210" s="123" t="s">
        <v>575</v>
      </c>
      <c r="Z210" s="39" t="s">
        <v>76</v>
      </c>
      <c r="AA210" s="37" t="s">
        <v>161</v>
      </c>
      <c r="AB210" s="86" t="s">
        <v>88</v>
      </c>
      <c r="AC210" s="37" t="s">
        <v>160</v>
      </c>
      <c r="AD210" s="86" t="s">
        <v>88</v>
      </c>
      <c r="AE210" s="37" t="s">
        <v>159</v>
      </c>
      <c r="AF210" s="86" t="s">
        <v>88</v>
      </c>
      <c r="AG210" s="37" t="s">
        <v>301</v>
      </c>
      <c r="AH210" s="86" t="s">
        <v>88</v>
      </c>
    </row>
    <row r="211" spans="1:34">
      <c r="A211" s="40" t="s">
        <v>350</v>
      </c>
      <c r="B211" s="189">
        <v>13943</v>
      </c>
      <c r="C211" s="179">
        <v>5.2674529049140011</v>
      </c>
      <c r="D211" s="80">
        <v>2.5396140619569116E-2</v>
      </c>
      <c r="E211" s="186">
        <v>0.13037988512584719</v>
      </c>
      <c r="F211" s="89">
        <v>5.704396323305696E-3</v>
      </c>
      <c r="G211" s="186">
        <v>0.14594893252937521</v>
      </c>
      <c r="H211" s="89">
        <v>5.9807711118543905E-3</v>
      </c>
      <c r="I211" s="186">
        <v>0.70924715130903837</v>
      </c>
      <c r="J211" s="89">
        <v>7.6908939904346855E-3</v>
      </c>
      <c r="K211" s="186">
        <v>1.4424031035749629E-2</v>
      </c>
      <c r="L211" s="89">
        <v>2.0287744870067449E-3</v>
      </c>
      <c r="M211" s="189">
        <v>13859</v>
      </c>
      <c r="N211" s="179">
        <v>4.9898617291731453</v>
      </c>
      <c r="O211" s="80">
        <v>2.7329001428974493E-2</v>
      </c>
      <c r="P211" s="186">
        <v>0.17905338823202274</v>
      </c>
      <c r="Q211" s="89">
        <v>6.5138521239697291E-3</v>
      </c>
      <c r="R211" s="186">
        <v>0.16401517979330132</v>
      </c>
      <c r="S211" s="89">
        <v>6.2913772908889821E-3</v>
      </c>
      <c r="T211" s="186">
        <v>0.64197233469599102</v>
      </c>
      <c r="U211" s="89">
        <v>8.143832280892601E-3</v>
      </c>
      <c r="V211" s="186">
        <v>1.4959097278701537E-2</v>
      </c>
      <c r="W211" s="89">
        <v>2.0714405463674937E-3</v>
      </c>
      <c r="X211" s="189">
        <v>13854</v>
      </c>
      <c r="Y211" s="179">
        <v>5.044863519472699</v>
      </c>
      <c r="Z211" s="80">
        <v>3.0716765481605339E-2</v>
      </c>
      <c r="AA211" s="186">
        <v>0.23058309098054219</v>
      </c>
      <c r="AB211" s="89">
        <v>7.1569104274514499E-3</v>
      </c>
      <c r="AC211" s="186">
        <v>0.10805259362280144</v>
      </c>
      <c r="AD211" s="89">
        <v>5.2767513683299504E-3</v>
      </c>
      <c r="AE211" s="186">
        <v>0.64754024686774148</v>
      </c>
      <c r="AF211" s="89">
        <v>8.1167061002784049E-3</v>
      </c>
      <c r="AG211" s="186">
        <v>1.3824068528934631E-2</v>
      </c>
      <c r="AH211" s="89">
        <v>1.993595956119424E-3</v>
      </c>
    </row>
    <row r="212" spans="1:34">
      <c r="A212" s="44" t="s">
        <v>351</v>
      </c>
      <c r="B212" s="44">
        <v>10220</v>
      </c>
      <c r="C212" s="181">
        <v>5.4582937986452427</v>
      </c>
      <c r="D212" s="182">
        <v>2.9161141284772256E-2</v>
      </c>
      <c r="E212" s="188">
        <v>0.11475980873372124</v>
      </c>
      <c r="F212" s="92">
        <v>6.3080201788134381E-3</v>
      </c>
      <c r="G212" s="188">
        <v>0.12081702264701885</v>
      </c>
      <c r="H212" s="92">
        <v>6.4499017770815598E-3</v>
      </c>
      <c r="I212" s="188">
        <v>0.7541948219122131</v>
      </c>
      <c r="J212" s="92">
        <v>8.5175769222327509E-3</v>
      </c>
      <c r="K212" s="188">
        <v>1.0228346707037489E-2</v>
      </c>
      <c r="L212" s="92">
        <v>2.0085291069678415E-3</v>
      </c>
      <c r="M212" s="44">
        <v>10157</v>
      </c>
      <c r="N212" s="181">
        <v>5.1796464492033865</v>
      </c>
      <c r="O212" s="182">
        <v>3.1525837329850398E-2</v>
      </c>
      <c r="P212" s="188">
        <v>0.16256264098281814</v>
      </c>
      <c r="Q212" s="92">
        <v>7.3230370034518804E-3</v>
      </c>
      <c r="R212" s="188">
        <v>0.13803092907982234</v>
      </c>
      <c r="S212" s="92">
        <v>6.8467420952802007E-3</v>
      </c>
      <c r="T212" s="188">
        <v>0.68924169751998188</v>
      </c>
      <c r="U212" s="92">
        <v>9.1830614394183482E-3</v>
      </c>
      <c r="V212" s="188">
        <v>1.0164732417369877E-2</v>
      </c>
      <c r="W212" s="92">
        <v>2.0087676023535467E-3</v>
      </c>
      <c r="X212" s="44">
        <v>10145</v>
      </c>
      <c r="Y212" s="181">
        <v>5.3320696307010129</v>
      </c>
      <c r="Z212" s="182">
        <v>3.4626838593356107E-2</v>
      </c>
      <c r="AA212" s="188">
        <v>0.1866335940696498</v>
      </c>
      <c r="AB212" s="92">
        <v>7.7369015514828837E-3</v>
      </c>
      <c r="AC212" s="188">
        <v>9.0522174916732506E-2</v>
      </c>
      <c r="AD212" s="92">
        <v>5.7008573558275646E-3</v>
      </c>
      <c r="AE212" s="188">
        <v>0.71379178768450657</v>
      </c>
      <c r="AF212" s="92">
        <v>8.9739464397979186E-3</v>
      </c>
      <c r="AG212" s="188">
        <v>9.0524433291043378E-3</v>
      </c>
      <c r="AH212" s="92">
        <v>1.9001015753012239E-3</v>
      </c>
    </row>
    <row r="213" spans="1:34">
      <c r="A213" s="40" t="s">
        <v>352</v>
      </c>
      <c r="B213" s="48">
        <v>3723</v>
      </c>
      <c r="C213" s="179">
        <v>5.1117031039451977</v>
      </c>
      <c r="D213" s="80">
        <v>4.951252846847088E-2</v>
      </c>
      <c r="E213" s="186">
        <v>0.14302999859372642</v>
      </c>
      <c r="F213" s="89">
        <v>1.1482341147721219E-2</v>
      </c>
      <c r="G213" s="186">
        <v>0.16630232285188554</v>
      </c>
      <c r="H213" s="89">
        <v>1.2208929486818442E-2</v>
      </c>
      <c r="I213" s="186">
        <v>0.67284572029336776</v>
      </c>
      <c r="J213" s="89">
        <v>1.5372608500991874E-2</v>
      </c>
      <c r="K213" s="186">
        <v>1.782195826102102E-2</v>
      </c>
      <c r="L213" s="89">
        <v>4.3956609408566608E-3</v>
      </c>
      <c r="M213" s="48">
        <v>3702</v>
      </c>
      <c r="N213" s="179">
        <v>4.8346504973168001</v>
      </c>
      <c r="O213" s="80">
        <v>5.2490916215009328E-2</v>
      </c>
      <c r="P213" s="186">
        <v>0.192421702191273</v>
      </c>
      <c r="Q213" s="89">
        <v>1.2959303622014124E-2</v>
      </c>
      <c r="R213" s="186">
        <v>0.18507945397593281</v>
      </c>
      <c r="S213" s="89">
        <v>1.2767970386900631E-2</v>
      </c>
      <c r="T213" s="186">
        <v>0.60365316860022844</v>
      </c>
      <c r="U213" s="89">
        <v>1.6070513828775387E-2</v>
      </c>
      <c r="V213" s="186">
        <v>1.884567523256539E-2</v>
      </c>
      <c r="W213" s="89">
        <v>4.5273047846472103E-3</v>
      </c>
      <c r="X213" s="48">
        <v>3709</v>
      </c>
      <c r="Y213" s="179">
        <v>4.8107298992910357</v>
      </c>
      <c r="Z213" s="80">
        <v>6.2317355494325335E-2</v>
      </c>
      <c r="AA213" s="186">
        <v>0.26609927437951764</v>
      </c>
      <c r="AB213" s="89">
        <v>1.4509050225637487E-2</v>
      </c>
      <c r="AC213" s="186">
        <v>0.1222191622888306</v>
      </c>
      <c r="AD213" s="89">
        <v>1.0765926282271817E-2</v>
      </c>
      <c r="AE213" s="186">
        <v>0.59400147988514096</v>
      </c>
      <c r="AF213" s="89">
        <v>1.6119094541324468E-2</v>
      </c>
      <c r="AG213" s="186">
        <v>1.7680083446510748E-2</v>
      </c>
      <c r="AH213" s="89">
        <v>4.3874384546956505E-3</v>
      </c>
    </row>
    <row r="214" spans="1:34">
      <c r="A214" s="44" t="s">
        <v>534</v>
      </c>
      <c r="B214" s="44">
        <v>1884</v>
      </c>
      <c r="C214" s="181">
        <v>5.1872531709516281</v>
      </c>
      <c r="D214" s="182">
        <v>7.0831150733649692E-2</v>
      </c>
      <c r="E214" s="188">
        <v>0.14161809650981155</v>
      </c>
      <c r="F214" s="92">
        <v>1.6084131418753943E-2</v>
      </c>
      <c r="G214" s="188">
        <v>0.14661421538589436</v>
      </c>
      <c r="H214" s="92">
        <v>1.6315681187656372E-2</v>
      </c>
      <c r="I214" s="188">
        <v>0.69981244373365958</v>
      </c>
      <c r="J214" s="92">
        <v>2.1105263917965418E-2</v>
      </c>
      <c r="K214" s="188">
        <v>1.1955244370637403E-2</v>
      </c>
      <c r="L214" s="92">
        <v>5.2117283817403916E-3</v>
      </c>
      <c r="M214" s="44">
        <v>1871</v>
      </c>
      <c r="N214" s="181">
        <v>4.8773711491608518</v>
      </c>
      <c r="O214" s="182">
        <v>7.6008842598697543E-2</v>
      </c>
      <c r="P214" s="188">
        <v>0.20017390186009446</v>
      </c>
      <c r="Q214" s="92">
        <v>1.8503330536337514E-2</v>
      </c>
      <c r="R214" s="188">
        <v>0.16293696391881313</v>
      </c>
      <c r="S214" s="92">
        <v>1.7087866104831043E-2</v>
      </c>
      <c r="T214" s="188">
        <v>0.62081402431110511</v>
      </c>
      <c r="U214" s="92">
        <v>2.2412671724825577E-2</v>
      </c>
      <c r="V214" s="188">
        <v>1.6075109909990046E-2</v>
      </c>
      <c r="W214" s="92">
        <v>5.9892912495910673E-3</v>
      </c>
      <c r="X214" s="44">
        <v>1875</v>
      </c>
      <c r="Y214" s="181">
        <v>4.98725983972618</v>
      </c>
      <c r="Z214" s="182">
        <v>8.6422211126036277E-2</v>
      </c>
      <c r="AA214" s="188">
        <v>0.23627537494817943</v>
      </c>
      <c r="AB214" s="92">
        <v>1.9615523432813708E-2</v>
      </c>
      <c r="AC214" s="188">
        <v>0.10469950232681992</v>
      </c>
      <c r="AD214" s="92">
        <v>1.4176122390101182E-2</v>
      </c>
      <c r="AE214" s="188">
        <v>0.64504062679307383</v>
      </c>
      <c r="AF214" s="92">
        <v>2.2081791309329281E-2</v>
      </c>
      <c r="AG214" s="188">
        <v>1.3984495931930553E-2</v>
      </c>
      <c r="AH214" s="92">
        <v>5.6118076281120623E-3</v>
      </c>
    </row>
    <row r="215" spans="1:34">
      <c r="A215" s="40" t="s">
        <v>535</v>
      </c>
      <c r="B215" s="48">
        <v>1537</v>
      </c>
      <c r="C215" s="179">
        <v>5.2276111818973874</v>
      </c>
      <c r="D215" s="80">
        <v>7.9185187346589705E-2</v>
      </c>
      <c r="E215" s="186">
        <v>0.14182639002947645</v>
      </c>
      <c r="F215" s="89">
        <v>1.7822894024997111E-2</v>
      </c>
      <c r="G215" s="186">
        <v>0.14303899394407707</v>
      </c>
      <c r="H215" s="89">
        <v>1.7885603764433999E-2</v>
      </c>
      <c r="I215" s="186">
        <v>0.70515766420362469</v>
      </c>
      <c r="J215" s="89">
        <v>2.32431246224853E-2</v>
      </c>
      <c r="K215" s="186">
        <v>9.9769518228208232E-3</v>
      </c>
      <c r="L215" s="89">
        <v>5.3731311661503779E-3</v>
      </c>
      <c r="M215" s="48">
        <v>1528</v>
      </c>
      <c r="N215" s="179">
        <v>4.9408680075794393</v>
      </c>
      <c r="O215" s="80">
        <v>8.4582181886372731E-2</v>
      </c>
      <c r="P215" s="186">
        <v>0.1938323903317172</v>
      </c>
      <c r="Q215" s="89">
        <v>2.0230412464765816E-2</v>
      </c>
      <c r="R215" s="186">
        <v>0.15967595504776561</v>
      </c>
      <c r="S215" s="89">
        <v>1.875940574662481E-2</v>
      </c>
      <c r="T215" s="186">
        <v>0.63443852705911996</v>
      </c>
      <c r="U215" s="89">
        <v>2.4612959022564915E-2</v>
      </c>
      <c r="V215" s="186">
        <v>1.20531275613966E-2</v>
      </c>
      <c r="W215" s="89">
        <v>5.8594342964367226E-3</v>
      </c>
      <c r="X215" s="48">
        <v>1529</v>
      </c>
      <c r="Y215" s="179">
        <v>5.1263491849085989</v>
      </c>
      <c r="Z215" s="80">
        <v>9.4348791930510642E-2</v>
      </c>
      <c r="AA215" s="186">
        <v>0.21524103201865985</v>
      </c>
      <c r="AB215" s="89">
        <v>2.1019975352461383E-2</v>
      </c>
      <c r="AC215" s="186">
        <v>9.564877159843041E-2</v>
      </c>
      <c r="AD215" s="89">
        <v>1.5097180261028303E-2</v>
      </c>
      <c r="AE215" s="186">
        <v>0.67740467664911141</v>
      </c>
      <c r="AF215" s="89">
        <v>2.3887735149494591E-2</v>
      </c>
      <c r="AG215" s="186">
        <v>1.1705519733798152E-2</v>
      </c>
      <c r="AH215" s="89">
        <v>5.7816630220878153E-3</v>
      </c>
    </row>
    <row r="216" spans="1:34">
      <c r="A216" s="44" t="s">
        <v>546</v>
      </c>
      <c r="B216" s="44">
        <v>351</v>
      </c>
      <c r="C216" s="181">
        <v>5.0447453098094774</v>
      </c>
      <c r="D216" s="182">
        <v>0.15456059682657375</v>
      </c>
      <c r="E216" s="188">
        <v>0.14411844542937929</v>
      </c>
      <c r="F216" s="92">
        <v>3.770700415972638E-2</v>
      </c>
      <c r="G216" s="188">
        <v>0.15914250476884187</v>
      </c>
      <c r="H216" s="92">
        <v>3.9206157114930501E-2</v>
      </c>
      <c r="I216" s="188">
        <v>0.67862170632802987</v>
      </c>
      <c r="J216" s="92">
        <v>4.9653360360922751E-2</v>
      </c>
      <c r="K216" s="188">
        <v>1.8117343473747646E-2</v>
      </c>
      <c r="L216" s="92">
        <v>1.6095680694597707E-2</v>
      </c>
      <c r="M216" s="44">
        <v>347</v>
      </c>
      <c r="N216" s="181">
        <v>4.6602341184906217</v>
      </c>
      <c r="O216" s="182">
        <v>0.16798372653930332</v>
      </c>
      <c r="P216" s="188">
        <v>0.2231099905309798</v>
      </c>
      <c r="Q216" s="92">
        <v>4.4666460824904199E-2</v>
      </c>
      <c r="R216" s="188">
        <v>0.17441207778889889</v>
      </c>
      <c r="S216" s="92">
        <v>4.0845042878402953E-2</v>
      </c>
      <c r="T216" s="188">
        <v>0.57366820995327716</v>
      </c>
      <c r="U216" s="92">
        <v>5.2806800743431748E-2</v>
      </c>
      <c r="V216" s="188">
        <v>2.8809721726843356E-2</v>
      </c>
      <c r="W216" s="92">
        <v>1.9395766958721323E-2</v>
      </c>
      <c r="X216" s="44">
        <v>350</v>
      </c>
      <c r="Y216" s="181">
        <v>4.5529007974416222</v>
      </c>
      <c r="Z216" s="182">
        <v>0.20239987943484716</v>
      </c>
      <c r="AA216" s="188">
        <v>0.30061712086452891</v>
      </c>
      <c r="AB216" s="92">
        <v>4.8844244183426526E-2</v>
      </c>
      <c r="AC216" s="188">
        <v>0.13223781248810942</v>
      </c>
      <c r="AD216" s="92">
        <v>3.6482358617581201E-2</v>
      </c>
      <c r="AE216" s="188">
        <v>0.54609825931010403</v>
      </c>
      <c r="AF216" s="92">
        <v>5.2928125541030949E-2</v>
      </c>
      <c r="AG216" s="188">
        <v>2.1046807337256411E-2</v>
      </c>
      <c r="AH216" s="92">
        <v>1.7060425876037982E-2</v>
      </c>
    </row>
    <row r="217" spans="1:34">
      <c r="A217" s="40" t="s">
        <v>536</v>
      </c>
      <c r="B217" s="48">
        <v>296</v>
      </c>
      <c r="C217" s="179">
        <v>5.3043096371641676</v>
      </c>
      <c r="D217" s="80">
        <v>0.18057096086988197</v>
      </c>
      <c r="E217" s="186">
        <v>0.14931692294918603</v>
      </c>
      <c r="F217" s="89">
        <v>4.167796323959802E-2</v>
      </c>
      <c r="G217" s="186">
        <v>0.13360920077820906</v>
      </c>
      <c r="H217" s="89">
        <v>3.9885454230151149E-2</v>
      </c>
      <c r="I217" s="186">
        <v>0.71707387627260188</v>
      </c>
      <c r="J217" s="89">
        <v>5.216986575514105E-2</v>
      </c>
      <c r="K217" s="186">
        <v>0</v>
      </c>
      <c r="L217" s="89">
        <v>9.3966108941626551E-3</v>
      </c>
      <c r="M217" s="48">
        <v>295</v>
      </c>
      <c r="N217" s="179">
        <v>5.0335328550916891</v>
      </c>
      <c r="O217" s="80">
        <v>0.19374340144076796</v>
      </c>
      <c r="P217" s="186">
        <v>0.19298898707273224</v>
      </c>
      <c r="Q217" s="89">
        <v>4.6011378902212352E-2</v>
      </c>
      <c r="R217" s="186">
        <v>0.16808467012125902</v>
      </c>
      <c r="S217" s="89">
        <v>4.3701653498500123E-2</v>
      </c>
      <c r="T217" s="186">
        <v>0.63892634280600558</v>
      </c>
      <c r="U217" s="89">
        <v>5.5616029448246958E-2</v>
      </c>
      <c r="V217" s="186">
        <v>0</v>
      </c>
      <c r="W217" s="89">
        <v>9.4279318741167257E-3</v>
      </c>
      <c r="X217" s="48">
        <v>297</v>
      </c>
      <c r="Y217" s="179">
        <v>5.1511284009863667</v>
      </c>
      <c r="Z217" s="80">
        <v>0.2176141362268123</v>
      </c>
      <c r="AA217" s="186">
        <v>0.22935797604642896</v>
      </c>
      <c r="AB217" s="89">
        <v>4.8729605353931393E-2</v>
      </c>
      <c r="AC217" s="186">
        <v>9.2932428015609816E-2</v>
      </c>
      <c r="AD217" s="89">
        <v>3.4327099994491073E-2</v>
      </c>
      <c r="AE217" s="186">
        <v>0.67242991842582267</v>
      </c>
      <c r="AF217" s="89">
        <v>5.4199446356931504E-2</v>
      </c>
      <c r="AG217" s="186">
        <v>5.2796775121355319E-3</v>
      </c>
      <c r="AH217" s="89">
        <v>1.247643138139316E-2</v>
      </c>
    </row>
    <row r="218" spans="1:34">
      <c r="A218" s="44" t="s">
        <v>537</v>
      </c>
      <c r="B218" s="44">
        <v>88</v>
      </c>
      <c r="C218" s="181">
        <v>5.2130195428111596</v>
      </c>
      <c r="D218" s="182">
        <v>0.30743523615944202</v>
      </c>
      <c r="E218" s="188">
        <v>0.11625867607872431</v>
      </c>
      <c r="F218" s="92">
        <v>7.0793397676917169E-2</v>
      </c>
      <c r="G218" s="188">
        <v>0.20968142109566454</v>
      </c>
      <c r="H218" s="92">
        <v>8.6699108318462989E-2</v>
      </c>
      <c r="I218" s="188">
        <v>0.67405990282561123</v>
      </c>
      <c r="J218" s="92">
        <v>9.8307500482658267E-2</v>
      </c>
      <c r="K218" s="188">
        <v>0</v>
      </c>
      <c r="L218" s="92">
        <v>3.0407765486097187E-2</v>
      </c>
      <c r="M218" s="44">
        <v>87</v>
      </c>
      <c r="N218" s="181">
        <v>5.0972626824108724</v>
      </c>
      <c r="O218" s="182">
        <v>0.32935203153961279</v>
      </c>
      <c r="P218" s="188">
        <v>0.17179531517833169</v>
      </c>
      <c r="Q218" s="92">
        <v>8.1616444328213633E-2</v>
      </c>
      <c r="R218" s="188">
        <v>0.20575207460329509</v>
      </c>
      <c r="S218" s="92">
        <v>8.6662782401178293E-2</v>
      </c>
      <c r="T218" s="188">
        <v>0.62245261021837306</v>
      </c>
      <c r="U218" s="92">
        <v>0.10191455090498196</v>
      </c>
      <c r="V218" s="188">
        <v>0</v>
      </c>
      <c r="W218" s="92">
        <v>3.0738162934200789E-2</v>
      </c>
      <c r="X218" s="44">
        <v>88</v>
      </c>
      <c r="Y218" s="181">
        <v>5.1698746400217752</v>
      </c>
      <c r="Z218" s="182">
        <v>0.3634436110418649</v>
      </c>
      <c r="AA218" s="188">
        <v>0.20257899900580614</v>
      </c>
      <c r="AB218" s="92">
        <v>8.573610605271241E-2</v>
      </c>
      <c r="AC218" s="188">
        <v>0.12331119592693611</v>
      </c>
      <c r="AD218" s="92">
        <v>7.2284450692067223E-2</v>
      </c>
      <c r="AE218" s="188">
        <v>0.67281326492224069</v>
      </c>
      <c r="AF218" s="92">
        <v>9.83949511472786E-2</v>
      </c>
      <c r="AG218" s="188">
        <v>1.2965401450170347E-3</v>
      </c>
      <c r="AH218" s="92">
        <v>3.1243260890216978E-2</v>
      </c>
    </row>
    <row r="219" spans="1:34">
      <c r="A219" s="40" t="s">
        <v>538</v>
      </c>
      <c r="B219" s="48">
        <v>89</v>
      </c>
      <c r="C219" s="179">
        <v>5.4189964129754644</v>
      </c>
      <c r="D219" s="80">
        <v>0.31934310122077081</v>
      </c>
      <c r="E219" s="186">
        <v>9.9024852917599396E-2</v>
      </c>
      <c r="F219" s="89">
        <v>6.6478916726958631E-2</v>
      </c>
      <c r="G219" s="186">
        <v>0.12288113330921428</v>
      </c>
      <c r="H219" s="89">
        <v>7.1767883931445703E-2</v>
      </c>
      <c r="I219" s="186">
        <v>0.77809401377318632</v>
      </c>
      <c r="J219" s="89">
        <v>8.7785965632003971E-2</v>
      </c>
      <c r="K219" s="186">
        <v>0</v>
      </c>
      <c r="L219" s="89">
        <v>3.0084393934100805E-2</v>
      </c>
      <c r="M219" s="48">
        <v>89</v>
      </c>
      <c r="N219" s="179">
        <v>5.1993006465755469</v>
      </c>
      <c r="O219" s="80">
        <v>0.32775772010819038</v>
      </c>
      <c r="P219" s="186">
        <v>0.14514446970070261</v>
      </c>
      <c r="Q219" s="89">
        <v>7.6108763158556872E-2</v>
      </c>
      <c r="R219" s="186">
        <v>0.20543193452218664</v>
      </c>
      <c r="S219" s="89">
        <v>8.5643233956602921E-2</v>
      </c>
      <c r="T219" s="186">
        <v>0.64942359577711073</v>
      </c>
      <c r="U219" s="89">
        <v>9.9363982244911275E-2</v>
      </c>
      <c r="V219" s="186">
        <v>0</v>
      </c>
      <c r="W219" s="89">
        <v>3.0084393934100805E-2</v>
      </c>
      <c r="X219" s="48">
        <v>90</v>
      </c>
      <c r="Y219" s="179">
        <v>5.1879745778074113</v>
      </c>
      <c r="Z219" s="80">
        <v>0.39230574842804417</v>
      </c>
      <c r="AA219" s="186">
        <v>0.19705607064047573</v>
      </c>
      <c r="AB219" s="89">
        <v>8.4013532900658702E-2</v>
      </c>
      <c r="AC219" s="186">
        <v>0.14221052366081005</v>
      </c>
      <c r="AD219" s="89">
        <v>7.5130988356783932E-2</v>
      </c>
      <c r="AE219" s="186">
        <v>0.6607334056987143</v>
      </c>
      <c r="AF219" s="89">
        <v>9.8135107326530413E-2</v>
      </c>
      <c r="AG219" s="186">
        <v>0</v>
      </c>
      <c r="AH219" s="89">
        <v>2.976782656907849E-2</v>
      </c>
    </row>
    <row r="220" spans="1:34">
      <c r="A220" s="44" t="s">
        <v>539</v>
      </c>
      <c r="B220" s="44">
        <v>100</v>
      </c>
      <c r="C220" s="181">
        <v>5.2448238885149916</v>
      </c>
      <c r="D220" s="182">
        <v>0.33713634444757612</v>
      </c>
      <c r="E220" s="188">
        <v>0.20926540657523404</v>
      </c>
      <c r="F220" s="92">
        <v>8.1299636501837136E-2</v>
      </c>
      <c r="G220" s="188">
        <v>9.6709432187936248E-2</v>
      </c>
      <c r="H220" s="92">
        <v>6.1901641286065359E-2</v>
      </c>
      <c r="I220" s="188">
        <v>0.69402516123683056</v>
      </c>
      <c r="J220" s="92">
        <v>9.0976407708080076E-2</v>
      </c>
      <c r="K220" s="188">
        <v>0</v>
      </c>
      <c r="L220" s="92">
        <v>2.693364120714959E-2</v>
      </c>
      <c r="M220" s="44">
        <v>100</v>
      </c>
      <c r="N220" s="181">
        <v>4.8739782076536429</v>
      </c>
      <c r="O220" s="182">
        <v>0.37588481149835179</v>
      </c>
      <c r="P220" s="188">
        <v>0.23666159528333255</v>
      </c>
      <c r="Q220" s="92">
        <v>8.4554191453959787E-2</v>
      </c>
      <c r="R220" s="188">
        <v>0.13604671490610257</v>
      </c>
      <c r="S220" s="92">
        <v>7.0036100775467805E-2</v>
      </c>
      <c r="T220" s="188">
        <v>0.62729168981056571</v>
      </c>
      <c r="U220" s="92">
        <v>9.5074718498158489E-2</v>
      </c>
      <c r="V220" s="188">
        <v>0</v>
      </c>
      <c r="W220" s="92">
        <v>2.693364120714959E-2</v>
      </c>
      <c r="X220" s="44">
        <v>100</v>
      </c>
      <c r="Y220" s="181">
        <v>5.1173914228755253</v>
      </c>
      <c r="Z220" s="182">
        <v>0.40691903834168519</v>
      </c>
      <c r="AA220" s="188">
        <v>0.28146896584465231</v>
      </c>
      <c r="AB220" s="92">
        <v>8.8978620268223924E-2</v>
      </c>
      <c r="AC220" s="188">
        <v>3.3654802283149675E-2</v>
      </c>
      <c r="AD220" s="92">
        <v>4.338091952947512E-2</v>
      </c>
      <c r="AE220" s="188">
        <v>0.67265465966520666</v>
      </c>
      <c r="AF220" s="92">
        <v>9.2495180744542854E-2</v>
      </c>
      <c r="AG220" s="188">
        <v>1.2221572206992043E-2</v>
      </c>
      <c r="AH220" s="92">
        <v>3.3980978408892047E-2</v>
      </c>
    </row>
    <row r="221" spans="1:34">
      <c r="A221" s="40" t="s">
        <v>540</v>
      </c>
      <c r="B221" s="189">
        <v>113</v>
      </c>
      <c r="C221" s="179">
        <v>5.4387415611984036</v>
      </c>
      <c r="D221" s="80">
        <v>0.25821884269108003</v>
      </c>
      <c r="E221" s="186">
        <v>9.7679819336230475E-2</v>
      </c>
      <c r="F221" s="89">
        <v>5.8182365777323074E-2</v>
      </c>
      <c r="G221" s="186">
        <v>0.13243602486149317</v>
      </c>
      <c r="H221" s="89">
        <v>6.510389943751213E-2</v>
      </c>
      <c r="I221" s="186">
        <v>0.76359326660195537</v>
      </c>
      <c r="J221" s="89">
        <v>7.9568976490584586E-2</v>
      </c>
      <c r="K221" s="186">
        <v>6.2908892003210679E-3</v>
      </c>
      <c r="L221" s="89">
        <v>2.7816856471464022E-2</v>
      </c>
      <c r="M221" s="189">
        <v>114</v>
      </c>
      <c r="N221" s="179">
        <v>5.3201098565409817</v>
      </c>
      <c r="O221" s="80">
        <v>0.27340615261984091</v>
      </c>
      <c r="P221" s="186">
        <v>0.12324327742839049</v>
      </c>
      <c r="Q221" s="89">
        <v>6.3115362598498551E-2</v>
      </c>
      <c r="R221" s="186">
        <v>0.17553250496898054</v>
      </c>
      <c r="S221" s="89">
        <v>7.1719188449819657E-2</v>
      </c>
      <c r="T221" s="186">
        <v>0.67926513923549747</v>
      </c>
      <c r="U221" s="89">
        <v>8.6358691031668863E-2</v>
      </c>
      <c r="V221" s="186">
        <v>2.1959078367131651E-2</v>
      </c>
      <c r="W221" s="89">
        <v>3.5274889284890837E-2</v>
      </c>
      <c r="X221" s="189">
        <v>113</v>
      </c>
      <c r="Y221" s="179">
        <v>5.2402429079043555</v>
      </c>
      <c r="Z221" s="80">
        <v>0.30989978079936698</v>
      </c>
      <c r="AA221" s="186">
        <v>0.17127107832534463</v>
      </c>
      <c r="AB221" s="89">
        <v>7.1420242493644759E-2</v>
      </c>
      <c r="AC221" s="186">
        <v>0.12551292584230667</v>
      </c>
      <c r="AD221" s="89">
        <v>6.3833280119613575E-2</v>
      </c>
      <c r="AE221" s="186">
        <v>0.68717904007338915</v>
      </c>
      <c r="AF221" s="89">
        <v>8.619569854316475E-2</v>
      </c>
      <c r="AG221" s="186">
        <v>1.6036955758959789E-2</v>
      </c>
      <c r="AH221" s="89">
        <v>3.2827478830277861E-2</v>
      </c>
    </row>
    <row r="222" spans="1:34">
      <c r="A222" s="44" t="s">
        <v>541</v>
      </c>
      <c r="B222" s="190">
        <v>112</v>
      </c>
      <c r="C222" s="181">
        <v>5.6101997072488015</v>
      </c>
      <c r="D222" s="182">
        <v>0.26195949510722288</v>
      </c>
      <c r="E222" s="188">
        <v>5.8088230408884993E-2</v>
      </c>
      <c r="F222" s="92">
        <v>4.8405536097108674E-2</v>
      </c>
      <c r="G222" s="188">
        <v>0.13823885409251019</v>
      </c>
      <c r="H222" s="92">
        <v>6.6436086618381907E-2</v>
      </c>
      <c r="I222" s="188">
        <v>0.79587082905843798</v>
      </c>
      <c r="J222" s="92">
        <v>7.620154149343511E-2</v>
      </c>
      <c r="K222" s="188">
        <v>7.8020864401670076E-3</v>
      </c>
      <c r="L222" s="92">
        <v>2.8863923306168677E-2</v>
      </c>
      <c r="M222" s="190">
        <v>111</v>
      </c>
      <c r="N222" s="181">
        <v>5.3484248010624347</v>
      </c>
      <c r="O222" s="182">
        <v>0.29215517944075831</v>
      </c>
      <c r="P222" s="188">
        <v>0.11947208274851899</v>
      </c>
      <c r="Q222" s="92">
        <v>6.327207407962096E-2</v>
      </c>
      <c r="R222" s="188">
        <v>0.19286756775269295</v>
      </c>
      <c r="S222" s="92">
        <v>7.5092442829022429E-2</v>
      </c>
      <c r="T222" s="188">
        <v>0.67985512371995727</v>
      </c>
      <c r="U222" s="92">
        <v>8.7449520416400334E-2</v>
      </c>
      <c r="V222" s="188">
        <v>7.8052257788307367E-3</v>
      </c>
      <c r="W222" s="92">
        <v>2.9074887531924963E-2</v>
      </c>
      <c r="X222" s="190">
        <v>112</v>
      </c>
      <c r="Y222" s="181">
        <v>5.4197316852574779</v>
      </c>
      <c r="Z222" s="182">
        <v>0.3167659171946311</v>
      </c>
      <c r="AA222" s="188">
        <v>0.15647541223556455</v>
      </c>
      <c r="AB222" s="92">
        <v>6.9478128317200738E-2</v>
      </c>
      <c r="AC222" s="188">
        <v>0.10416826655805025</v>
      </c>
      <c r="AD222" s="92">
        <v>5.986670284161083E-2</v>
      </c>
      <c r="AE222" s="188">
        <v>0.72461604523276824</v>
      </c>
      <c r="AF222" s="92">
        <v>8.3659225626201081E-2</v>
      </c>
      <c r="AG222" s="188">
        <v>1.4740275973617122E-2</v>
      </c>
      <c r="AH222" s="92">
        <v>3.2421149383116903E-2</v>
      </c>
    </row>
    <row r="223" spans="1:34">
      <c r="A223" s="40" t="s">
        <v>542</v>
      </c>
      <c r="B223" s="78">
        <v>171</v>
      </c>
      <c r="C223" s="179">
        <v>4.9214403715153416</v>
      </c>
      <c r="D223" s="80">
        <v>0.2337743337030363</v>
      </c>
      <c r="E223" s="186">
        <v>0.19213832142200526</v>
      </c>
      <c r="F223" s="89">
        <v>6.0380586380974863E-2</v>
      </c>
      <c r="G223" s="186">
        <v>0.17253276762342706</v>
      </c>
      <c r="H223" s="89">
        <v>5.8085916417246947E-2</v>
      </c>
      <c r="I223" s="186">
        <v>0.62846938054735579</v>
      </c>
      <c r="J223" s="89">
        <v>7.3171654400430136E-2</v>
      </c>
      <c r="K223" s="186">
        <v>6.8595304072116281E-3</v>
      </c>
      <c r="L223" s="89">
        <v>2.0172155107670103E-2</v>
      </c>
      <c r="M223" s="78">
        <v>171</v>
      </c>
      <c r="N223" s="179">
        <v>4.7511105931894848</v>
      </c>
      <c r="O223" s="80">
        <v>0.25490402108274374</v>
      </c>
      <c r="P223" s="186">
        <v>0.24371065672568698</v>
      </c>
      <c r="Q223" s="89">
        <v>6.5427676696492951E-2</v>
      </c>
      <c r="R223" s="186">
        <v>0.16501815000957276</v>
      </c>
      <c r="S223" s="89">
        <v>5.7143081473749968E-2</v>
      </c>
      <c r="T223" s="186">
        <v>0.59127119326473998</v>
      </c>
      <c r="U223" s="89">
        <v>7.4380648288967052E-2</v>
      </c>
      <c r="V223" s="186">
        <v>0</v>
      </c>
      <c r="W223" s="89">
        <v>1.6069818513455389E-2</v>
      </c>
      <c r="X223" s="78">
        <v>170</v>
      </c>
      <c r="Y223" s="179">
        <v>4.8617916978063116</v>
      </c>
      <c r="Z223" s="80">
        <v>0.2786109440561651</v>
      </c>
      <c r="AA223" s="186">
        <v>0.2927457204008736</v>
      </c>
      <c r="AB223" s="89">
        <v>6.9314853107744712E-2</v>
      </c>
      <c r="AC223" s="186">
        <v>5.7968836678667042E-2</v>
      </c>
      <c r="AD223" s="89">
        <v>3.8203541786238727E-2</v>
      </c>
      <c r="AE223" s="186">
        <v>0.64928544292045909</v>
      </c>
      <c r="AF223" s="89">
        <v>7.2512659095692086E-2</v>
      </c>
      <c r="AG223" s="186">
        <v>0</v>
      </c>
      <c r="AH223" s="89">
        <v>1.6161636869729715E-2</v>
      </c>
    </row>
    <row r="224" spans="1:34">
      <c r="A224" s="44" t="s">
        <v>547</v>
      </c>
      <c r="B224" s="190">
        <v>72</v>
      </c>
      <c r="C224" s="181">
        <v>4.9606705241647262</v>
      </c>
      <c r="D224" s="182">
        <v>0.35275389502353471</v>
      </c>
      <c r="E224" s="188">
        <v>0.15610690218955819</v>
      </c>
      <c r="F224" s="92">
        <v>8.7014403137818205E-2</v>
      </c>
      <c r="G224" s="188">
        <v>0.26066438710349021</v>
      </c>
      <c r="H224" s="92">
        <v>0.10223539018311294</v>
      </c>
      <c r="I224" s="188">
        <v>0.5686006005060964</v>
      </c>
      <c r="J224" s="92">
        <v>0.11373475475972383</v>
      </c>
      <c r="K224" s="188">
        <v>1.4628110200855211E-2</v>
      </c>
      <c r="L224" s="92">
        <v>4.5049708761801886E-2</v>
      </c>
      <c r="M224" s="190">
        <v>72</v>
      </c>
      <c r="N224" s="181">
        <v>4.8239936134957988</v>
      </c>
      <c r="O224" s="182">
        <v>0.38242340576421291</v>
      </c>
      <c r="P224" s="188">
        <v>0.20176737460420149</v>
      </c>
      <c r="Q224" s="92">
        <v>9.4638734652259429E-2</v>
      </c>
      <c r="R224" s="188">
        <v>0.24687923628377828</v>
      </c>
      <c r="S224" s="92">
        <v>0.10065486174934273</v>
      </c>
      <c r="T224" s="188">
        <v>0.55135338911202025</v>
      </c>
      <c r="U224" s="92">
        <v>0.11416357635278786</v>
      </c>
      <c r="V224" s="188">
        <v>0</v>
      </c>
      <c r="W224" s="92">
        <v>3.6723195522334773E-2</v>
      </c>
      <c r="X224" s="190">
        <v>71</v>
      </c>
      <c r="Y224" s="181">
        <v>5.1996623987526078</v>
      </c>
      <c r="Z224" s="182">
        <v>0.39309824334742671</v>
      </c>
      <c r="AA224" s="188">
        <v>0.22591616358482611</v>
      </c>
      <c r="AB224" s="92">
        <v>9.8705590071662727E-2</v>
      </c>
      <c r="AC224" s="188">
        <v>8.0601357870745016E-2</v>
      </c>
      <c r="AD224" s="92">
        <v>7.018703078857734E-2</v>
      </c>
      <c r="AE224" s="188">
        <v>0.6934824785444289</v>
      </c>
      <c r="AF224" s="92">
        <v>0.10744329707775738</v>
      </c>
      <c r="AG224" s="188">
        <v>0</v>
      </c>
      <c r="AH224" s="92">
        <v>3.7206132509255738E-2</v>
      </c>
    </row>
    <row r="225" spans="1:34">
      <c r="A225" s="52" t="s">
        <v>548</v>
      </c>
      <c r="B225" s="189">
        <v>124</v>
      </c>
      <c r="C225" s="179">
        <v>5.1585434619931574</v>
      </c>
      <c r="D225" s="80">
        <v>0.30088165175639608</v>
      </c>
      <c r="E225" s="186">
        <v>0.14377794461364501</v>
      </c>
      <c r="F225" s="89">
        <v>6.3961123869250125E-2</v>
      </c>
      <c r="G225" s="186">
        <v>0.18113569116331785</v>
      </c>
      <c r="H225" s="89">
        <v>6.9502903280891717E-2</v>
      </c>
      <c r="I225" s="186">
        <v>0.66152034704193041</v>
      </c>
      <c r="J225" s="89">
        <v>8.3948691832516714E-2</v>
      </c>
      <c r="K225" s="186">
        <v>1.3566017181106213E-2</v>
      </c>
      <c r="L225" s="89">
        <v>2.9548442377363655E-2</v>
      </c>
      <c r="M225" s="189">
        <v>123</v>
      </c>
      <c r="N225" s="179">
        <v>4.8244371206933296</v>
      </c>
      <c r="O225" s="80">
        <v>0.31245628681851895</v>
      </c>
      <c r="P225" s="186">
        <v>0.211572400808172</v>
      </c>
      <c r="Q225" s="89">
        <v>7.359547660238841E-2</v>
      </c>
      <c r="R225" s="186">
        <v>0.18836573086788391</v>
      </c>
      <c r="S225" s="89">
        <v>7.0745252475228226E-2</v>
      </c>
      <c r="T225" s="186">
        <v>0.58631490212123194</v>
      </c>
      <c r="U225" s="89">
        <v>8.748662977444531E-2</v>
      </c>
      <c r="V225" s="186">
        <v>1.3746966202711854E-2</v>
      </c>
      <c r="W225" s="89">
        <v>2.981170368925691E-2</v>
      </c>
      <c r="X225" s="189">
        <v>123</v>
      </c>
      <c r="Y225" s="179">
        <v>5.0062219415480813</v>
      </c>
      <c r="Z225" s="80">
        <v>0.3610525006548887</v>
      </c>
      <c r="AA225" s="186">
        <v>0.22919951624735824</v>
      </c>
      <c r="AB225" s="89">
        <v>7.5548127647721106E-2</v>
      </c>
      <c r="AC225" s="186">
        <v>9.7496773046889279E-2</v>
      </c>
      <c r="AD225" s="89">
        <v>5.5567429688479421E-2</v>
      </c>
      <c r="AE225" s="186">
        <v>0.65967046973452814</v>
      </c>
      <c r="AF225" s="89">
        <v>8.4384947179548878E-2</v>
      </c>
      <c r="AG225" s="186">
        <v>1.3633240971224057E-2</v>
      </c>
      <c r="AH225" s="89">
        <v>2.9756845437696688E-2</v>
      </c>
    </row>
    <row r="226" spans="1:34">
      <c r="A226" s="44" t="s">
        <v>549</v>
      </c>
      <c r="B226" s="190">
        <v>102</v>
      </c>
      <c r="C226" s="181">
        <v>5.086397804893334</v>
      </c>
      <c r="D226" s="182">
        <v>0.3321421833459991</v>
      </c>
      <c r="E226" s="188">
        <v>0.18947726610889618</v>
      </c>
      <c r="F226" s="92">
        <v>7.7876446604677477E-2</v>
      </c>
      <c r="G226" s="188">
        <v>5.2608790999211875E-2</v>
      </c>
      <c r="H226" s="92">
        <v>4.939727767246524E-2</v>
      </c>
      <c r="I226" s="188">
        <v>0.74710193642106215</v>
      </c>
      <c r="J226" s="92">
        <v>8.5442673916292858E-2</v>
      </c>
      <c r="K226" s="188">
        <v>1.0812006470830455E-2</v>
      </c>
      <c r="L226" s="92">
        <v>3.2745493611797669E-2</v>
      </c>
      <c r="M226" s="190">
        <v>98</v>
      </c>
      <c r="N226" s="181">
        <v>4.6361887244771651</v>
      </c>
      <c r="O226" s="182">
        <v>0.36332525327060794</v>
      </c>
      <c r="P226" s="188">
        <v>0.2914637855898255</v>
      </c>
      <c r="Q226" s="92">
        <v>9.0717519363101795E-2</v>
      </c>
      <c r="R226" s="188">
        <v>7.4543700242223065E-2</v>
      </c>
      <c r="S226" s="92">
        <v>5.7019317472701711E-2</v>
      </c>
      <c r="T226" s="188">
        <v>0.62305855661145737</v>
      </c>
      <c r="U226" s="92">
        <v>9.6206685461902058E-2</v>
      </c>
      <c r="V226" s="188">
        <v>1.0933957556495037E-2</v>
      </c>
      <c r="W226" s="92">
        <v>3.3842903614320463E-2</v>
      </c>
      <c r="X226" s="190">
        <v>101</v>
      </c>
      <c r="Y226" s="181">
        <v>5.0049138040367254</v>
      </c>
      <c r="Z226" s="182">
        <v>0.37917390482601787</v>
      </c>
      <c r="AA226" s="188">
        <v>0.2591822953965483</v>
      </c>
      <c r="AB226" s="92">
        <v>8.6485054635913355E-2</v>
      </c>
      <c r="AC226" s="188">
        <v>0.1081968295142552</v>
      </c>
      <c r="AD226" s="92">
        <v>6.4131850506669197E-2</v>
      </c>
      <c r="AE226" s="188">
        <v>0.62170273221005246</v>
      </c>
      <c r="AF226" s="92">
        <v>9.4877454630600017E-2</v>
      </c>
      <c r="AG226" s="188">
        <v>1.0918142879144974E-2</v>
      </c>
      <c r="AH226" s="92">
        <v>3.3052132018633232E-2</v>
      </c>
    </row>
    <row r="227" spans="1:34">
      <c r="A227" s="52" t="s">
        <v>550</v>
      </c>
      <c r="B227" s="189">
        <v>131</v>
      </c>
      <c r="C227" s="179">
        <v>5.0500991052858044</v>
      </c>
      <c r="D227" s="80">
        <v>0.29650421280691253</v>
      </c>
      <c r="E227" s="186">
        <v>0.18169387857912322</v>
      </c>
      <c r="F227" s="89">
        <v>6.7680368629323334E-2</v>
      </c>
      <c r="G227" s="186">
        <v>0.12734978633459865</v>
      </c>
      <c r="H227" s="89">
        <v>5.9439138966622056E-2</v>
      </c>
      <c r="I227" s="186">
        <v>0.67112293287852809</v>
      </c>
      <c r="J227" s="89">
        <v>8.1181374646173698E-2</v>
      </c>
      <c r="K227" s="186">
        <v>1.9833402207750133E-2</v>
      </c>
      <c r="L227" s="89">
        <v>3.1222232756813784E-2</v>
      </c>
      <c r="M227" s="189">
        <v>132</v>
      </c>
      <c r="N227" s="179">
        <v>4.6634072882884627</v>
      </c>
      <c r="O227" s="80">
        <v>0.29801157457829353</v>
      </c>
      <c r="P227" s="186">
        <v>0.19788303566463791</v>
      </c>
      <c r="Q227" s="89">
        <v>6.94549113576092E-2</v>
      </c>
      <c r="R227" s="186">
        <v>0.16328572600976787</v>
      </c>
      <c r="S227" s="89">
        <v>6.4896892690569322E-2</v>
      </c>
      <c r="T227" s="186">
        <v>0.61900604761086619</v>
      </c>
      <c r="U227" s="89">
        <v>8.3429856775831507E-2</v>
      </c>
      <c r="V227" s="186">
        <v>1.9825190714728241E-2</v>
      </c>
      <c r="W227" s="89">
        <v>3.1057590684264811E-2</v>
      </c>
      <c r="X227" s="189">
        <v>131</v>
      </c>
      <c r="Y227" s="179">
        <v>5.1093824255707805</v>
      </c>
      <c r="Z227" s="80">
        <v>0.33306360549085207</v>
      </c>
      <c r="AA227" s="186">
        <v>0.1974112348500402</v>
      </c>
      <c r="AB227" s="89">
        <v>6.9662771353290742E-2</v>
      </c>
      <c r="AC227" s="186">
        <v>8.931264829365608E-2</v>
      </c>
      <c r="AD227" s="89">
        <v>5.1977982829633472E-2</v>
      </c>
      <c r="AE227" s="186">
        <v>0.69330391599773566</v>
      </c>
      <c r="AF227" s="89">
        <v>7.9780271756849305E-2</v>
      </c>
      <c r="AG227" s="186">
        <v>1.9972200858568268E-2</v>
      </c>
      <c r="AH227" s="89">
        <v>3.1281721965552775E-2</v>
      </c>
    </row>
    <row r="228" spans="1:34">
      <c r="A228" s="44" t="s">
        <v>551</v>
      </c>
      <c r="B228" s="190">
        <v>124</v>
      </c>
      <c r="C228" s="181">
        <v>5.1648635600819706</v>
      </c>
      <c r="D228" s="182">
        <v>0.26059712747650826</v>
      </c>
      <c r="E228" s="188">
        <v>0.11719005583458907</v>
      </c>
      <c r="F228" s="92">
        <v>5.9285433403104569E-2</v>
      </c>
      <c r="G228" s="188">
        <v>0.17967236535733355</v>
      </c>
      <c r="H228" s="92">
        <v>6.9305283371491944E-2</v>
      </c>
      <c r="I228" s="188">
        <v>0.68579762161169644</v>
      </c>
      <c r="J228" s="92">
        <v>8.2462695996005683E-2</v>
      </c>
      <c r="K228" s="188">
        <v>1.7339957196381116E-2</v>
      </c>
      <c r="L228" s="92">
        <v>3.1310854342055765E-2</v>
      </c>
      <c r="M228" s="190">
        <v>124</v>
      </c>
      <c r="N228" s="181">
        <v>4.8604912571586505</v>
      </c>
      <c r="O228" s="182">
        <v>0.29876198868390341</v>
      </c>
      <c r="P228" s="188">
        <v>0.19891479573410173</v>
      </c>
      <c r="Q228" s="92">
        <v>7.1790698583508394E-2</v>
      </c>
      <c r="R228" s="188">
        <v>0.12689005628657843</v>
      </c>
      <c r="S228" s="92">
        <v>6.1072116952957251E-2</v>
      </c>
      <c r="T228" s="188">
        <v>0.65685519078293875</v>
      </c>
      <c r="U228" s="92">
        <v>8.4207731264158939E-2</v>
      </c>
      <c r="V228" s="188">
        <v>1.7339957196381116E-2</v>
      </c>
      <c r="W228" s="92">
        <v>3.1310854342055765E-2</v>
      </c>
      <c r="X228" s="190">
        <v>123</v>
      </c>
      <c r="Y228" s="181">
        <v>5.1035498350128892</v>
      </c>
      <c r="Z228" s="182">
        <v>0.34688045838573711</v>
      </c>
      <c r="AA228" s="188">
        <v>0.19842492395877914</v>
      </c>
      <c r="AB228" s="92">
        <v>7.2021700892081264E-2</v>
      </c>
      <c r="AC228" s="188">
        <v>0.12707910895993449</v>
      </c>
      <c r="AD228" s="92">
        <v>6.1363090219537446E-2</v>
      </c>
      <c r="AE228" s="188">
        <v>0.65706604121512502</v>
      </c>
      <c r="AF228" s="92">
        <v>8.4529226314441402E-2</v>
      </c>
      <c r="AG228" s="188">
        <v>1.7429925866161263E-2</v>
      </c>
      <c r="AH228" s="92">
        <v>3.1530179402058954E-2</v>
      </c>
    </row>
    <row r="229" spans="1:34">
      <c r="A229" s="52" t="s">
        <v>543</v>
      </c>
      <c r="B229" s="189">
        <v>169</v>
      </c>
      <c r="C229" s="179">
        <v>5.6872628856153602</v>
      </c>
      <c r="D229" s="80">
        <v>0.19684838014016201</v>
      </c>
      <c r="E229" s="186">
        <v>6.0864718873672154E-2</v>
      </c>
      <c r="F229" s="89">
        <v>3.905666852800322E-2</v>
      </c>
      <c r="G229" s="186">
        <v>0.12990209937200534</v>
      </c>
      <c r="H229" s="89">
        <v>5.2517721772226793E-2</v>
      </c>
      <c r="I229" s="186">
        <v>0.80229873671035801</v>
      </c>
      <c r="J229" s="89">
        <v>6.135135121403483E-2</v>
      </c>
      <c r="K229" s="186">
        <v>6.9344450439641579E-3</v>
      </c>
      <c r="L229" s="89">
        <v>2.0399841115147855E-2</v>
      </c>
      <c r="M229" s="189">
        <v>168</v>
      </c>
      <c r="N229" s="179">
        <v>5.3348107840433965</v>
      </c>
      <c r="O229" s="80">
        <v>0.22723187900550104</v>
      </c>
      <c r="P229" s="186">
        <v>0.10475706848048291</v>
      </c>
      <c r="Q229" s="89">
        <v>4.8456272211918956E-2</v>
      </c>
      <c r="R229" s="186">
        <v>0.17920809453965472</v>
      </c>
      <c r="S229" s="89">
        <v>5.9420318059322609E-2</v>
      </c>
      <c r="T229" s="186">
        <v>0.70328589228262173</v>
      </c>
      <c r="U229" s="89">
        <v>6.9979165700642637E-2</v>
      </c>
      <c r="V229" s="186">
        <v>1.2748944697239934E-2</v>
      </c>
      <c r="W229" s="89">
        <v>2.3377837163627565E-2</v>
      </c>
      <c r="X229" s="189">
        <v>168</v>
      </c>
      <c r="Y229" s="179">
        <v>5.4793050322051569</v>
      </c>
      <c r="Z229" s="80">
        <v>0.25328800753816627</v>
      </c>
      <c r="AA229" s="186">
        <v>0.16366324100499591</v>
      </c>
      <c r="AB229" s="89">
        <v>5.7481627382673935E-2</v>
      </c>
      <c r="AC229" s="186">
        <v>8.4547545507007604E-2</v>
      </c>
      <c r="AD229" s="89">
        <v>4.4547818933563715E-2</v>
      </c>
      <c r="AE229" s="186">
        <v>0.74723209290810289</v>
      </c>
      <c r="AF229" s="89">
        <v>6.6766897116971091E-2</v>
      </c>
      <c r="AG229" s="186">
        <v>4.5571205798933699E-3</v>
      </c>
      <c r="AH229" s="89">
        <v>1.9181211872992945E-2</v>
      </c>
    </row>
    <row r="230" spans="1:34">
      <c r="A230" s="44" t="s">
        <v>544</v>
      </c>
      <c r="B230" s="190">
        <v>49</v>
      </c>
      <c r="C230" s="181">
        <v>5.8308382502509879</v>
      </c>
      <c r="D230" s="182">
        <v>0.35345909711497497</v>
      </c>
      <c r="E230" s="188">
        <v>6.88599606338227E-2</v>
      </c>
      <c r="F230" s="92">
        <v>8.2926249795808968E-2</v>
      </c>
      <c r="G230" s="188">
        <v>8.7284433385636837E-2</v>
      </c>
      <c r="H230" s="92">
        <v>8.8767857144779069E-2</v>
      </c>
      <c r="I230" s="188">
        <v>0.84385560598054055</v>
      </c>
      <c r="J230" s="92">
        <v>0.10602132021735763</v>
      </c>
      <c r="K230" s="188">
        <v>0</v>
      </c>
      <c r="L230" s="92">
        <v>5.2349950714565462E-2</v>
      </c>
      <c r="M230" s="190">
        <v>49</v>
      </c>
      <c r="N230" s="181">
        <v>5.6648267484327253</v>
      </c>
      <c r="O230" s="182">
        <v>0.39089640571384132</v>
      </c>
      <c r="P230" s="188">
        <v>6.88599606338227E-2</v>
      </c>
      <c r="Q230" s="92">
        <v>8.2926249795808968E-2</v>
      </c>
      <c r="R230" s="188">
        <v>0.15328053240137893</v>
      </c>
      <c r="S230" s="92">
        <v>0.10541792499078459</v>
      </c>
      <c r="T230" s="188">
        <v>0.77785950696479855</v>
      </c>
      <c r="U230" s="92">
        <v>0.11784481414021881</v>
      </c>
      <c r="V230" s="188">
        <v>0</v>
      </c>
      <c r="W230" s="92">
        <v>5.2349950714565462E-2</v>
      </c>
      <c r="X230" s="190">
        <v>49</v>
      </c>
      <c r="Y230" s="181">
        <v>5.7876910974539566</v>
      </c>
      <c r="Z230" s="182">
        <v>0.42245315322135629</v>
      </c>
      <c r="AA230" s="188">
        <v>0.11082195045649551</v>
      </c>
      <c r="AB230" s="92">
        <v>9.537989784343523E-2</v>
      </c>
      <c r="AC230" s="188">
        <v>7.3113963686784619E-2</v>
      </c>
      <c r="AD230" s="92">
        <v>8.4334014420455308E-2</v>
      </c>
      <c r="AE230" s="188">
        <v>0.81606408585671997</v>
      </c>
      <c r="AF230" s="92">
        <v>0.11146137442476733</v>
      </c>
      <c r="AG230" s="188">
        <v>0</v>
      </c>
      <c r="AH230" s="92">
        <v>5.2349950714565462E-2</v>
      </c>
    </row>
    <row r="231" spans="1:34">
      <c r="A231" s="52" t="s">
        <v>552</v>
      </c>
      <c r="B231" s="189">
        <v>120</v>
      </c>
      <c r="C231" s="179">
        <v>5.6267847684756385</v>
      </c>
      <c r="D231" s="80">
        <v>0.23688316859561073</v>
      </c>
      <c r="E231" s="186">
        <v>5.7529985375162213E-2</v>
      </c>
      <c r="F231" s="89">
        <v>4.6367226485136526E-2</v>
      </c>
      <c r="G231" s="186">
        <v>0.14767749161860289</v>
      </c>
      <c r="H231" s="89">
        <v>6.5684520354960585E-2</v>
      </c>
      <c r="I231" s="186">
        <v>0.78496579191571969</v>
      </c>
      <c r="J231" s="89">
        <v>7.4908344226197868E-2</v>
      </c>
      <c r="K231" s="186">
        <v>9.8267310905149723E-3</v>
      </c>
      <c r="L231" s="89">
        <v>2.8387540083764595E-2</v>
      </c>
      <c r="M231" s="189">
        <v>119</v>
      </c>
      <c r="N231" s="179">
        <v>5.1932331982351263</v>
      </c>
      <c r="O231" s="80">
        <v>0.2750370914424044</v>
      </c>
      <c r="P231" s="186">
        <v>0.11987797378925334</v>
      </c>
      <c r="Q231" s="89">
        <v>6.1088323772092411E-2</v>
      </c>
      <c r="R231" s="186">
        <v>0.19012953739390423</v>
      </c>
      <c r="S231" s="89">
        <v>7.2161501947283477E-2</v>
      </c>
      <c r="T231" s="186">
        <v>0.67187331801734373</v>
      </c>
      <c r="U231" s="89">
        <v>8.5034598542837334E-2</v>
      </c>
      <c r="V231" s="186">
        <v>1.8119170799498222E-2</v>
      </c>
      <c r="W231" s="89">
        <v>3.2584260628605234E-2</v>
      </c>
      <c r="X231" s="189">
        <v>119</v>
      </c>
      <c r="Y231" s="179">
        <v>5.3485570400063223</v>
      </c>
      <c r="Z231" s="80">
        <v>0.31077058144165881</v>
      </c>
      <c r="AA231" s="186">
        <v>0.18592152861385236</v>
      </c>
      <c r="AB231" s="89">
        <v>7.1605591582684439E-2</v>
      </c>
      <c r="AC231" s="186">
        <v>8.9363702529522651E-2</v>
      </c>
      <c r="AD231" s="89">
        <v>5.4747549738486043E-2</v>
      </c>
      <c r="AE231" s="186">
        <v>0.71823805661871887</v>
      </c>
      <c r="AF231" s="89">
        <v>8.1733162326452391E-2</v>
      </c>
      <c r="AG231" s="186">
        <v>6.4767122379056586E-3</v>
      </c>
      <c r="AH231" s="89">
        <v>2.6759281110042537E-2</v>
      </c>
    </row>
    <row r="232" spans="1:34">
      <c r="A232" s="44" t="s">
        <v>545</v>
      </c>
      <c r="B232" s="190">
        <v>191</v>
      </c>
      <c r="C232" s="181">
        <v>5.2118330425658206</v>
      </c>
      <c r="D232" s="182">
        <v>0.24193484623358888</v>
      </c>
      <c r="E232" s="188">
        <v>0.18128724749773692</v>
      </c>
      <c r="F232" s="92">
        <v>5.5938929158614419E-2</v>
      </c>
      <c r="G232" s="188">
        <v>0.1200574398500165</v>
      </c>
      <c r="H232" s="92">
        <v>4.7825585059656638E-2</v>
      </c>
      <c r="I232" s="188">
        <v>0.69865531265224579</v>
      </c>
      <c r="J232" s="92">
        <v>6.596634642316293E-2</v>
      </c>
      <c r="K232" s="188">
        <v>0</v>
      </c>
      <c r="L232" s="92">
        <v>1.4430179418585315E-2</v>
      </c>
      <c r="M232" s="190">
        <v>188</v>
      </c>
      <c r="N232" s="181">
        <v>5.0602044480077479</v>
      </c>
      <c r="O232" s="182">
        <v>0.24117890497489963</v>
      </c>
      <c r="P232" s="188">
        <v>0.2036704091826719</v>
      </c>
      <c r="Q232" s="92">
        <v>5.8773835979244717E-2</v>
      </c>
      <c r="R232" s="188">
        <v>0.1441217177766769</v>
      </c>
      <c r="S232" s="92">
        <v>5.1755179939696111E-2</v>
      </c>
      <c r="T232" s="188">
        <v>0.63902515791582659</v>
      </c>
      <c r="U232" s="92">
        <v>6.9442564649609073E-2</v>
      </c>
      <c r="V232" s="188">
        <v>1.3182715124823656E-2</v>
      </c>
      <c r="W232" s="92">
        <v>2.1785267531770371E-2</v>
      </c>
      <c r="X232" s="190">
        <v>187</v>
      </c>
      <c r="Y232" s="181">
        <v>5.0924742407443651</v>
      </c>
      <c r="Z232" s="182">
        <v>0.28022609095336776</v>
      </c>
      <c r="AA232" s="188">
        <v>0.22905431023491954</v>
      </c>
      <c r="AB232" s="92">
        <v>6.1334387926864763E-2</v>
      </c>
      <c r="AC232" s="188">
        <v>8.4917685922054426E-2</v>
      </c>
      <c r="AD232" s="92">
        <v>4.2153442422655056E-2</v>
      </c>
      <c r="AE232" s="188">
        <v>0.67210586443409881</v>
      </c>
      <c r="AF232" s="92">
        <v>6.8124804869756889E-2</v>
      </c>
      <c r="AG232" s="188">
        <v>1.392213940892663E-2</v>
      </c>
      <c r="AH232" s="92">
        <v>2.2194232846804253E-2</v>
      </c>
    </row>
  </sheetData>
  <mergeCells count="27">
    <mergeCell ref="X208:AH208"/>
    <mergeCell ref="P92:V92"/>
    <mergeCell ref="A177:D177"/>
    <mergeCell ref="A178:D178"/>
    <mergeCell ref="A179:D179"/>
    <mergeCell ref="B208:L208"/>
    <mergeCell ref="M208:W208"/>
    <mergeCell ref="A207:AH207"/>
    <mergeCell ref="A206:AH206"/>
    <mergeCell ref="B92:H92"/>
    <mergeCell ref="I92:O92"/>
    <mergeCell ref="A149:J149"/>
    <mergeCell ref="A148:J148"/>
    <mergeCell ref="A121:L121"/>
    <mergeCell ref="A120:L120"/>
    <mergeCell ref="A91:V91"/>
    <mergeCell ref="A90:V90"/>
    <mergeCell ref="B34:H34"/>
    <mergeCell ref="A61:D61"/>
    <mergeCell ref="A62:D62"/>
    <mergeCell ref="A63:D63"/>
    <mergeCell ref="A3:D3"/>
    <mergeCell ref="A4:D4"/>
    <mergeCell ref="A5:D5"/>
    <mergeCell ref="I34:O34"/>
    <mergeCell ref="A33:V33"/>
    <mergeCell ref="A32:V32"/>
  </mergeCells>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BD435"/>
  <sheetViews>
    <sheetView zoomScaleNormal="100" workbookViewId="0"/>
  </sheetViews>
  <sheetFormatPr defaultColWidth="17.5703125" defaultRowHeight="15"/>
  <cols>
    <col min="1" max="1" width="59.42578125" customWidth="1"/>
  </cols>
  <sheetData>
    <row r="1" spans="1:4" ht="31.5">
      <c r="A1" s="30" t="s">
        <v>47</v>
      </c>
    </row>
    <row r="3" spans="1:4" ht="18.75">
      <c r="A3" s="337" t="s">
        <v>403</v>
      </c>
      <c r="B3" s="337"/>
      <c r="C3" s="337"/>
      <c r="D3" s="337"/>
    </row>
    <row r="4" spans="1:4" ht="120.75" customHeight="1">
      <c r="A4" s="391" t="s">
        <v>411</v>
      </c>
      <c r="B4" s="391"/>
      <c r="C4" s="391"/>
      <c r="D4" s="391"/>
    </row>
    <row r="5" spans="1:4" ht="37.5" customHeight="1">
      <c r="A5" s="412" t="s">
        <v>404</v>
      </c>
      <c r="B5" s="339"/>
      <c r="C5" s="339"/>
      <c r="D5" s="339"/>
    </row>
    <row r="6" spans="1:4" ht="72">
      <c r="A6" s="32" t="s">
        <v>71</v>
      </c>
      <c r="B6" s="33" t="s">
        <v>72</v>
      </c>
      <c r="C6" s="34" t="s">
        <v>589</v>
      </c>
      <c r="D6" s="35" t="s">
        <v>73</v>
      </c>
    </row>
    <row r="7" spans="1:4" ht="72">
      <c r="A7" s="36"/>
      <c r="B7" s="37" t="s">
        <v>74</v>
      </c>
      <c r="C7" s="123" t="s">
        <v>304</v>
      </c>
      <c r="D7" s="39" t="s">
        <v>76</v>
      </c>
    </row>
    <row r="8" spans="1:4">
      <c r="A8" s="40" t="s">
        <v>350</v>
      </c>
      <c r="B8" s="161">
        <v>11350</v>
      </c>
      <c r="C8" s="162">
        <v>5.0012250453152456</v>
      </c>
      <c r="D8" s="81">
        <v>2.6654095715108173E-2</v>
      </c>
    </row>
    <row r="9" spans="1:4">
      <c r="A9" s="44" t="s">
        <v>351</v>
      </c>
      <c r="B9" s="44">
        <v>8248</v>
      </c>
      <c r="C9" s="164">
        <v>4.6646435909456647</v>
      </c>
      <c r="D9" s="82">
        <v>3.1743325340428702E-2</v>
      </c>
    </row>
    <row r="10" spans="1:4">
      <c r="A10" s="40" t="s">
        <v>352</v>
      </c>
      <c r="B10" s="48">
        <v>3102</v>
      </c>
      <c r="C10" s="162">
        <v>5.2648196685549573</v>
      </c>
      <c r="D10" s="81">
        <v>4.3328721073501671E-2</v>
      </c>
    </row>
    <row r="11" spans="1:4">
      <c r="A11" s="44" t="s">
        <v>534</v>
      </c>
      <c r="B11" s="44">
        <v>1560</v>
      </c>
      <c r="C11" s="164">
        <v>4.9828497359546802</v>
      </c>
      <c r="D11" s="82">
        <v>7.0104341626236091E-2</v>
      </c>
    </row>
    <row r="12" spans="1:4">
      <c r="A12" s="40" t="s">
        <v>535</v>
      </c>
      <c r="B12" s="48">
        <v>1268</v>
      </c>
      <c r="C12" s="162">
        <v>4.8589295525373464</v>
      </c>
      <c r="D12" s="81">
        <v>7.9276638810894098E-2</v>
      </c>
    </row>
    <row r="13" spans="1:4">
      <c r="A13" s="44" t="s">
        <v>546</v>
      </c>
      <c r="B13" s="44">
        <v>295</v>
      </c>
      <c r="C13" s="164">
        <v>5.3557091031575847</v>
      </c>
      <c r="D13" s="82">
        <v>0.1315362656140654</v>
      </c>
    </row>
    <row r="14" spans="1:4">
      <c r="A14" s="40" t="s">
        <v>536</v>
      </c>
      <c r="B14" s="48">
        <v>244</v>
      </c>
      <c r="C14" s="162">
        <v>4.6538210259485622</v>
      </c>
      <c r="D14" s="81">
        <v>0.1728168979394186</v>
      </c>
    </row>
    <row r="15" spans="1:4">
      <c r="A15" s="44" t="s">
        <v>537</v>
      </c>
      <c r="B15" s="44">
        <v>71</v>
      </c>
      <c r="C15" s="164">
        <v>4.2836426537465444</v>
      </c>
      <c r="D15" s="82">
        <v>0.3060818941515413</v>
      </c>
    </row>
    <row r="16" spans="1:4">
      <c r="A16" s="40" t="s">
        <v>538</v>
      </c>
      <c r="B16" s="48">
        <v>73</v>
      </c>
      <c r="C16" s="162">
        <v>4.6610320793927551</v>
      </c>
      <c r="D16" s="81">
        <v>0.30984036558611228</v>
      </c>
    </row>
    <row r="17" spans="1:56">
      <c r="A17" s="44" t="s">
        <v>539</v>
      </c>
      <c r="B17" s="44">
        <v>84</v>
      </c>
      <c r="C17" s="164">
        <v>5.0085093266429608</v>
      </c>
      <c r="D17" s="82">
        <v>0.28992838230754492</v>
      </c>
    </row>
    <row r="18" spans="1:56">
      <c r="A18" s="40" t="s">
        <v>540</v>
      </c>
      <c r="B18" s="161">
        <v>94</v>
      </c>
      <c r="C18" s="162">
        <v>4.2145942598675683</v>
      </c>
      <c r="D18" s="81">
        <v>0.28600706495617589</v>
      </c>
    </row>
    <row r="19" spans="1:56">
      <c r="A19" s="44" t="s">
        <v>541</v>
      </c>
      <c r="B19" s="163">
        <v>94</v>
      </c>
      <c r="C19" s="164">
        <v>4.2380974464601424</v>
      </c>
      <c r="D19" s="82">
        <v>0.28661846661064966</v>
      </c>
    </row>
    <row r="20" spans="1:56">
      <c r="A20" s="40" t="s">
        <v>542</v>
      </c>
      <c r="B20" s="78">
        <v>151</v>
      </c>
      <c r="C20" s="162">
        <v>4.3826235128616675</v>
      </c>
      <c r="D20" s="81">
        <v>0.20748729879899203</v>
      </c>
    </row>
    <row r="21" spans="1:56">
      <c r="A21" s="44" t="s">
        <v>547</v>
      </c>
      <c r="B21" s="163">
        <v>64</v>
      </c>
      <c r="C21" s="164">
        <v>4.7832391965205145</v>
      </c>
      <c r="D21" s="82">
        <v>0.29239289664984125</v>
      </c>
    </row>
    <row r="22" spans="1:56">
      <c r="A22" s="52" t="s">
        <v>548</v>
      </c>
      <c r="B22" s="161">
        <v>107</v>
      </c>
      <c r="C22" s="162">
        <v>5.5138747463959641</v>
      </c>
      <c r="D22" s="81">
        <v>0.23452010528072478</v>
      </c>
    </row>
    <row r="23" spans="1:56">
      <c r="A23" s="44" t="s">
        <v>549</v>
      </c>
      <c r="B23" s="163">
        <v>85</v>
      </c>
      <c r="C23" s="164">
        <v>4.7582780328961167</v>
      </c>
      <c r="D23" s="82">
        <v>0.30292115692465615</v>
      </c>
    </row>
    <row r="24" spans="1:56">
      <c r="A24" s="52" t="s">
        <v>550</v>
      </c>
      <c r="B24" s="161">
        <v>113</v>
      </c>
      <c r="C24" s="162">
        <v>5.104405251954871</v>
      </c>
      <c r="D24" s="81">
        <v>0.25248647527610846</v>
      </c>
    </row>
    <row r="25" spans="1:56">
      <c r="A25" s="44" t="s">
        <v>551</v>
      </c>
      <c r="B25" s="163">
        <v>102</v>
      </c>
      <c r="C25" s="164">
        <v>5.2923449548067474</v>
      </c>
      <c r="D25" s="82">
        <v>0.2538651089722801</v>
      </c>
    </row>
    <row r="26" spans="1:56">
      <c r="A26" s="52" t="s">
        <v>543</v>
      </c>
      <c r="B26" s="161">
        <v>124</v>
      </c>
      <c r="C26" s="162">
        <v>5.417757580007736</v>
      </c>
      <c r="D26" s="81">
        <v>0.18947602380721851</v>
      </c>
    </row>
    <row r="27" spans="1:56">
      <c r="A27" s="44" t="s">
        <v>544</v>
      </c>
      <c r="B27" s="163">
        <v>30</v>
      </c>
      <c r="C27" s="164">
        <v>5.31401812855517</v>
      </c>
      <c r="D27" s="82">
        <v>0.41422223457566615</v>
      </c>
    </row>
    <row r="28" spans="1:56">
      <c r="A28" s="52" t="s">
        <v>552</v>
      </c>
      <c r="B28" s="161">
        <v>94</v>
      </c>
      <c r="C28" s="162">
        <v>5.4526557639758124</v>
      </c>
      <c r="D28" s="81">
        <v>0.21235913735581272</v>
      </c>
    </row>
    <row r="29" spans="1:56">
      <c r="A29" s="44" t="s">
        <v>545</v>
      </c>
      <c r="B29" s="163">
        <v>150</v>
      </c>
      <c r="C29" s="164">
        <v>4.1708528000398131</v>
      </c>
      <c r="D29" s="82">
        <v>0.24696838083384831</v>
      </c>
    </row>
    <row r="32" spans="1:56" ht="18.75">
      <c r="A32" s="337" t="s">
        <v>405</v>
      </c>
      <c r="B32" s="337"/>
      <c r="C32" s="337"/>
      <c r="D32" s="337"/>
      <c r="E32" s="337"/>
      <c r="F32" s="337"/>
      <c r="G32" s="337"/>
      <c r="H32" s="337"/>
      <c r="I32" s="337"/>
      <c r="J32" s="337"/>
      <c r="K32" s="337"/>
      <c r="L32" s="337"/>
      <c r="M32" s="337"/>
      <c r="N32" s="337"/>
      <c r="O32" s="337"/>
      <c r="P32" s="337"/>
      <c r="Q32" s="337"/>
      <c r="R32" s="337"/>
      <c r="S32" s="337"/>
      <c r="T32" s="337"/>
      <c r="U32" s="337"/>
      <c r="V32" s="337"/>
      <c r="W32" s="337"/>
      <c r="X32" s="337"/>
      <c r="Y32" s="337"/>
      <c r="Z32" s="337"/>
      <c r="AA32" s="337"/>
      <c r="AB32" s="337"/>
      <c r="AC32" s="337"/>
      <c r="AD32" s="337"/>
      <c r="AE32" s="337"/>
      <c r="AF32" s="337"/>
      <c r="AG32" s="337"/>
      <c r="AH32" s="337"/>
      <c r="AI32" s="337"/>
      <c r="AJ32" s="337"/>
      <c r="AK32" s="337"/>
      <c r="AL32" s="337"/>
      <c r="AM32" s="337"/>
      <c r="AN32" s="337"/>
      <c r="AO32" s="337"/>
      <c r="AP32" s="337"/>
      <c r="AQ32" s="337"/>
      <c r="AR32" s="337"/>
      <c r="AS32" s="337"/>
      <c r="AT32" s="337"/>
      <c r="AU32" s="337"/>
      <c r="AV32" s="337"/>
      <c r="AW32" s="337"/>
      <c r="AX32" s="337"/>
      <c r="AY32" s="337"/>
      <c r="AZ32" s="337"/>
      <c r="BA32" s="337"/>
      <c r="BB32" s="337"/>
      <c r="BC32" s="337"/>
      <c r="BD32" s="337"/>
    </row>
    <row r="33" spans="1:56" ht="74.25" customHeight="1">
      <c r="A33" s="416" t="s">
        <v>605</v>
      </c>
      <c r="B33" s="416"/>
      <c r="C33" s="416"/>
      <c r="D33" s="416"/>
      <c r="E33" s="416"/>
      <c r="F33" s="416"/>
      <c r="G33" s="416"/>
      <c r="H33" s="416"/>
      <c r="I33" s="416"/>
      <c r="J33" s="416"/>
      <c r="K33" s="416"/>
      <c r="L33" s="416"/>
      <c r="M33" s="416"/>
      <c r="N33" s="416"/>
      <c r="O33" s="416"/>
      <c r="P33" s="416"/>
      <c r="Q33" s="416"/>
      <c r="R33" s="416"/>
      <c r="S33" s="416"/>
      <c r="T33" s="416"/>
      <c r="U33" s="416"/>
      <c r="V33" s="416"/>
      <c r="W33" s="416"/>
      <c r="X33" s="416"/>
      <c r="Y33" s="416"/>
      <c r="Z33" s="416"/>
      <c r="AA33" s="416"/>
      <c r="AB33" s="416"/>
      <c r="AC33" s="416"/>
      <c r="AD33" s="416"/>
      <c r="AE33" s="416"/>
      <c r="AF33" s="416"/>
      <c r="AG33" s="416"/>
      <c r="AH33" s="416"/>
      <c r="AI33" s="416"/>
      <c r="AJ33" s="416"/>
      <c r="AK33" s="416"/>
      <c r="AL33" s="416"/>
      <c r="AM33" s="416"/>
      <c r="AN33" s="416"/>
      <c r="AO33" s="416"/>
      <c r="AP33" s="416"/>
      <c r="AQ33" s="416"/>
      <c r="AR33" s="416"/>
      <c r="AS33" s="416"/>
      <c r="AT33" s="416"/>
      <c r="AU33" s="416"/>
      <c r="AV33" s="416"/>
      <c r="AW33" s="416"/>
      <c r="AX33" s="416"/>
      <c r="AY33" s="416"/>
      <c r="AZ33" s="416"/>
      <c r="BA33" s="416"/>
      <c r="BB33" s="416"/>
      <c r="BC33" s="416"/>
      <c r="BD33" s="416"/>
    </row>
    <row r="34" spans="1:56" ht="34.5" customHeight="1">
      <c r="A34" s="59"/>
      <c r="B34" s="400" t="s">
        <v>406</v>
      </c>
      <c r="C34" s="401"/>
      <c r="D34" s="401"/>
      <c r="E34" s="401"/>
      <c r="F34" s="401"/>
      <c r="G34" s="401"/>
      <c r="H34" s="401"/>
      <c r="I34" s="401"/>
      <c r="J34" s="401"/>
      <c r="K34" s="401"/>
      <c r="L34" s="402"/>
      <c r="M34" s="413" t="s">
        <v>407</v>
      </c>
      <c r="N34" s="414"/>
      <c r="O34" s="414"/>
      <c r="P34" s="414"/>
      <c r="Q34" s="414"/>
      <c r="R34" s="414"/>
      <c r="S34" s="414"/>
      <c r="T34" s="414"/>
      <c r="U34" s="414"/>
      <c r="V34" s="414"/>
      <c r="W34" s="414"/>
      <c r="X34" s="400" t="s">
        <v>408</v>
      </c>
      <c r="Y34" s="401"/>
      <c r="Z34" s="401"/>
      <c r="AA34" s="401"/>
      <c r="AB34" s="401"/>
      <c r="AC34" s="401"/>
      <c r="AD34" s="401"/>
      <c r="AE34" s="401"/>
      <c r="AF34" s="401"/>
      <c r="AG34" s="401"/>
      <c r="AH34" s="402"/>
      <c r="AI34" s="413" t="s">
        <v>409</v>
      </c>
      <c r="AJ34" s="414"/>
      <c r="AK34" s="414"/>
      <c r="AL34" s="414"/>
      <c r="AM34" s="414"/>
      <c r="AN34" s="414"/>
      <c r="AO34" s="414"/>
      <c r="AP34" s="414"/>
      <c r="AQ34" s="414"/>
      <c r="AR34" s="414"/>
      <c r="AS34" s="414"/>
      <c r="AT34" s="400" t="s">
        <v>410</v>
      </c>
      <c r="AU34" s="401"/>
      <c r="AV34" s="401"/>
      <c r="AW34" s="401"/>
      <c r="AX34" s="401"/>
      <c r="AY34" s="401"/>
      <c r="AZ34" s="401"/>
      <c r="BA34" s="401"/>
      <c r="BB34" s="401"/>
      <c r="BC34" s="401"/>
      <c r="BD34" s="402"/>
    </row>
    <row r="35" spans="1:56" ht="49.5" customHeight="1">
      <c r="A35" s="32" t="s">
        <v>71</v>
      </c>
      <c r="B35" s="33" t="s">
        <v>72</v>
      </c>
      <c r="C35" s="34" t="s">
        <v>589</v>
      </c>
      <c r="D35" s="35" t="s">
        <v>73</v>
      </c>
      <c r="E35" s="33" t="s">
        <v>312</v>
      </c>
      <c r="F35" s="84" t="s">
        <v>143</v>
      </c>
      <c r="G35" s="33" t="s">
        <v>313</v>
      </c>
      <c r="H35" s="84" t="s">
        <v>144</v>
      </c>
      <c r="I35" s="33" t="s">
        <v>314</v>
      </c>
      <c r="J35" s="84" t="s">
        <v>117</v>
      </c>
      <c r="K35" s="33" t="s">
        <v>301</v>
      </c>
      <c r="L35" s="84" t="s">
        <v>315</v>
      </c>
      <c r="M35" s="60" t="s">
        <v>72</v>
      </c>
      <c r="N35" s="61" t="s">
        <v>589</v>
      </c>
      <c r="O35" s="62" t="s">
        <v>73</v>
      </c>
      <c r="P35" s="60" t="s">
        <v>312</v>
      </c>
      <c r="Q35" s="83" t="s">
        <v>143</v>
      </c>
      <c r="R35" s="60" t="s">
        <v>316</v>
      </c>
      <c r="S35" s="83" t="s">
        <v>317</v>
      </c>
      <c r="T35" s="60" t="s">
        <v>314</v>
      </c>
      <c r="U35" s="83" t="s">
        <v>117</v>
      </c>
      <c r="V35" s="60" t="s">
        <v>301</v>
      </c>
      <c r="W35" s="83" t="s">
        <v>315</v>
      </c>
      <c r="X35" s="33" t="s">
        <v>72</v>
      </c>
      <c r="Y35" s="34" t="s">
        <v>589</v>
      </c>
      <c r="Z35" s="35" t="s">
        <v>73</v>
      </c>
      <c r="AA35" s="33" t="s">
        <v>312</v>
      </c>
      <c r="AB35" s="84" t="s">
        <v>143</v>
      </c>
      <c r="AC35" s="33" t="s">
        <v>313</v>
      </c>
      <c r="AD35" s="84" t="s">
        <v>144</v>
      </c>
      <c r="AE35" s="33" t="s">
        <v>314</v>
      </c>
      <c r="AF35" s="84" t="s">
        <v>117</v>
      </c>
      <c r="AG35" s="33" t="s">
        <v>301</v>
      </c>
      <c r="AH35" s="84" t="s">
        <v>315</v>
      </c>
      <c r="AI35" s="60" t="s">
        <v>72</v>
      </c>
      <c r="AJ35" s="61" t="s">
        <v>589</v>
      </c>
      <c r="AK35" s="62" t="s">
        <v>73</v>
      </c>
      <c r="AL35" s="60" t="s">
        <v>312</v>
      </c>
      <c r="AM35" s="83" t="s">
        <v>143</v>
      </c>
      <c r="AN35" s="60" t="s">
        <v>316</v>
      </c>
      <c r="AO35" s="83" t="s">
        <v>317</v>
      </c>
      <c r="AP35" s="60" t="s">
        <v>314</v>
      </c>
      <c r="AQ35" s="83" t="s">
        <v>117</v>
      </c>
      <c r="AR35" s="60" t="s">
        <v>301</v>
      </c>
      <c r="AS35" s="83" t="s">
        <v>315</v>
      </c>
      <c r="AT35" s="33" t="s">
        <v>72</v>
      </c>
      <c r="AU35" s="34" t="s">
        <v>589</v>
      </c>
      <c r="AV35" s="35" t="s">
        <v>73</v>
      </c>
      <c r="AW35" s="33" t="s">
        <v>312</v>
      </c>
      <c r="AX35" s="84" t="s">
        <v>143</v>
      </c>
      <c r="AY35" s="33" t="s">
        <v>313</v>
      </c>
      <c r="AZ35" s="84" t="s">
        <v>144</v>
      </c>
      <c r="BA35" s="33" t="s">
        <v>314</v>
      </c>
      <c r="BB35" s="84" t="s">
        <v>117</v>
      </c>
      <c r="BC35" s="33" t="s">
        <v>301</v>
      </c>
      <c r="BD35" s="84" t="s">
        <v>315</v>
      </c>
    </row>
    <row r="36" spans="1:56" ht="72">
      <c r="A36" s="36"/>
      <c r="B36" s="37" t="s">
        <v>74</v>
      </c>
      <c r="C36" s="123" t="s">
        <v>304</v>
      </c>
      <c r="D36" s="39" t="s">
        <v>76</v>
      </c>
      <c r="E36" s="37" t="s">
        <v>159</v>
      </c>
      <c r="F36" s="86" t="s">
        <v>88</v>
      </c>
      <c r="G36" s="37" t="s">
        <v>160</v>
      </c>
      <c r="H36" s="86" t="s">
        <v>88</v>
      </c>
      <c r="I36" s="37" t="s">
        <v>161</v>
      </c>
      <c r="J36" s="86" t="s">
        <v>88</v>
      </c>
      <c r="K36" s="37" t="s">
        <v>301</v>
      </c>
      <c r="L36" s="86" t="s">
        <v>88</v>
      </c>
      <c r="M36" s="63" t="s">
        <v>74</v>
      </c>
      <c r="N36" s="254" t="s">
        <v>304</v>
      </c>
      <c r="O36" s="65" t="s">
        <v>76</v>
      </c>
      <c r="P36" s="63" t="s">
        <v>159</v>
      </c>
      <c r="Q36" s="85" t="s">
        <v>88</v>
      </c>
      <c r="R36" s="63" t="s">
        <v>160</v>
      </c>
      <c r="S36" s="85" t="s">
        <v>88</v>
      </c>
      <c r="T36" s="63" t="s">
        <v>161</v>
      </c>
      <c r="U36" s="85" t="s">
        <v>88</v>
      </c>
      <c r="V36" s="63" t="s">
        <v>301</v>
      </c>
      <c r="W36" s="85" t="s">
        <v>88</v>
      </c>
      <c r="X36" s="37" t="s">
        <v>74</v>
      </c>
      <c r="Y36" s="123" t="s">
        <v>304</v>
      </c>
      <c r="Z36" s="39" t="s">
        <v>76</v>
      </c>
      <c r="AA36" s="37" t="s">
        <v>159</v>
      </c>
      <c r="AB36" s="86" t="s">
        <v>88</v>
      </c>
      <c r="AC36" s="37" t="s">
        <v>160</v>
      </c>
      <c r="AD36" s="86" t="s">
        <v>88</v>
      </c>
      <c r="AE36" s="37" t="s">
        <v>161</v>
      </c>
      <c r="AF36" s="86" t="s">
        <v>88</v>
      </c>
      <c r="AG36" s="37" t="s">
        <v>301</v>
      </c>
      <c r="AH36" s="86" t="s">
        <v>88</v>
      </c>
      <c r="AI36" s="63" t="s">
        <v>74</v>
      </c>
      <c r="AJ36" s="254" t="s">
        <v>304</v>
      </c>
      <c r="AK36" s="65" t="s">
        <v>76</v>
      </c>
      <c r="AL36" s="63" t="s">
        <v>159</v>
      </c>
      <c r="AM36" s="85" t="s">
        <v>88</v>
      </c>
      <c r="AN36" s="63" t="s">
        <v>160</v>
      </c>
      <c r="AO36" s="85" t="s">
        <v>88</v>
      </c>
      <c r="AP36" s="63" t="s">
        <v>161</v>
      </c>
      <c r="AQ36" s="85" t="s">
        <v>88</v>
      </c>
      <c r="AR36" s="63" t="s">
        <v>301</v>
      </c>
      <c r="AS36" s="85" t="s">
        <v>88</v>
      </c>
      <c r="AT36" s="37" t="s">
        <v>74</v>
      </c>
      <c r="AU36" s="123" t="s">
        <v>304</v>
      </c>
      <c r="AV36" s="39" t="s">
        <v>76</v>
      </c>
      <c r="AW36" s="37" t="s">
        <v>159</v>
      </c>
      <c r="AX36" s="86" t="s">
        <v>88</v>
      </c>
      <c r="AY36" s="37" t="s">
        <v>160</v>
      </c>
      <c r="AZ36" s="86" t="s">
        <v>88</v>
      </c>
      <c r="BA36" s="37" t="s">
        <v>161</v>
      </c>
      <c r="BB36" s="86" t="s">
        <v>88</v>
      </c>
      <c r="BC36" s="37" t="s">
        <v>301</v>
      </c>
      <c r="BD36" s="86" t="s">
        <v>88</v>
      </c>
    </row>
    <row r="37" spans="1:56">
      <c r="A37" s="40" t="s">
        <v>350</v>
      </c>
      <c r="B37" s="191">
        <v>13940</v>
      </c>
      <c r="C37" s="79">
        <v>5.3923572280825276</v>
      </c>
      <c r="D37" s="80">
        <v>2.9743774228974319E-2</v>
      </c>
      <c r="E37" s="193">
        <v>0.13862554606183874</v>
      </c>
      <c r="F37" s="89">
        <v>5.8545042434810807E-3</v>
      </c>
      <c r="G37" s="193">
        <v>0.10636068005020874</v>
      </c>
      <c r="H37" s="89">
        <v>5.2240938731128147E-3</v>
      </c>
      <c r="I37" s="193">
        <v>0.74136904747388854</v>
      </c>
      <c r="J37" s="89">
        <v>7.4170571949616374E-3</v>
      </c>
      <c r="K37" s="193">
        <v>1.3644726414063765E-2</v>
      </c>
      <c r="L37" s="89">
        <v>1.974757352491056E-3</v>
      </c>
      <c r="M37" s="191">
        <v>13891</v>
      </c>
      <c r="N37" s="79">
        <v>4.4888687252785306</v>
      </c>
      <c r="O37" s="80">
        <v>3.5824400742918844E-2</v>
      </c>
      <c r="P37" s="193">
        <v>0.25315772708698303</v>
      </c>
      <c r="Q37" s="89">
        <v>7.3782104949347595E-3</v>
      </c>
      <c r="R37" s="193">
        <v>0.13848449710155714</v>
      </c>
      <c r="S37" s="89">
        <v>5.8623229416315172E-3</v>
      </c>
      <c r="T37" s="193">
        <v>0.46349818206867222</v>
      </c>
      <c r="U37" s="89">
        <v>8.46079176421171E-3</v>
      </c>
      <c r="V37" s="193">
        <v>0.14485959374280638</v>
      </c>
      <c r="W37" s="89">
        <v>5.9733821780276336E-3</v>
      </c>
      <c r="X37" s="191">
        <v>13899</v>
      </c>
      <c r="Y37" s="79">
        <v>4.6005030812762415</v>
      </c>
      <c r="Z37" s="80">
        <v>3.4101744936513793E-2</v>
      </c>
      <c r="AA37" s="193">
        <v>0.26523134780133095</v>
      </c>
      <c r="AB37" s="89">
        <v>7.4885683846324675E-3</v>
      </c>
      <c r="AC37" s="193">
        <v>0.13513539828581758</v>
      </c>
      <c r="AD37" s="89">
        <v>5.8006493954506372E-3</v>
      </c>
      <c r="AE37" s="193">
        <v>0.53565305596212776</v>
      </c>
      <c r="AF37" s="89">
        <v>8.4593980748710433E-3</v>
      </c>
      <c r="AG37" s="193">
        <v>6.3980197950739087E-2</v>
      </c>
      <c r="AH37" s="89">
        <v>4.1546771624056131E-3</v>
      </c>
      <c r="AI37" s="191">
        <v>13873</v>
      </c>
      <c r="AJ37" s="79">
        <v>5.4453897656438359</v>
      </c>
      <c r="AK37" s="80">
        <v>2.6492579756538036E-2</v>
      </c>
      <c r="AL37" s="193">
        <v>9.4930252377145641E-2</v>
      </c>
      <c r="AM37" s="89">
        <v>4.9792558899389664E-3</v>
      </c>
      <c r="AN37" s="193">
        <v>0.11528343223800952</v>
      </c>
      <c r="AO37" s="89">
        <v>5.4243697892731712E-3</v>
      </c>
      <c r="AP37" s="193">
        <v>0.67995250813807673</v>
      </c>
      <c r="AQ37" s="89">
        <v>7.9204039256124386E-3</v>
      </c>
      <c r="AR37" s="193">
        <v>0.10983380724677951</v>
      </c>
      <c r="AS37" s="89">
        <v>5.3110521555264183E-3</v>
      </c>
      <c r="AT37" s="191">
        <v>12496</v>
      </c>
      <c r="AU37" s="79">
        <v>5.1109221959418552</v>
      </c>
      <c r="AV37" s="80">
        <v>3.4400193252542538E-2</v>
      </c>
      <c r="AW37" s="193">
        <v>0.10971395465517197</v>
      </c>
      <c r="AX37" s="89">
        <v>5.5935469693539283E-3</v>
      </c>
      <c r="AY37" s="193">
        <v>0.12233961470793496</v>
      </c>
      <c r="AZ37" s="89">
        <v>5.8641664448586114E-3</v>
      </c>
      <c r="BA37" s="193">
        <v>0.52518936648083892</v>
      </c>
      <c r="BB37" s="89">
        <v>8.9329216153999393E-3</v>
      </c>
      <c r="BC37" s="193">
        <v>0.24275706415607431</v>
      </c>
      <c r="BD37" s="89">
        <v>7.6705862408790494E-3</v>
      </c>
    </row>
    <row r="38" spans="1:56">
      <c r="A38" s="44" t="s">
        <v>351</v>
      </c>
      <c r="B38" s="44">
        <v>10237</v>
      </c>
      <c r="C38" s="175">
        <v>5.09793175000154</v>
      </c>
      <c r="D38" s="127">
        <v>3.6227436418477137E-2</v>
      </c>
      <c r="E38" s="194">
        <v>0.20505237295533468</v>
      </c>
      <c r="F38" s="92">
        <v>7.980883358613914E-3</v>
      </c>
      <c r="G38" s="194">
        <v>0.10934293891190253</v>
      </c>
      <c r="H38" s="92">
        <v>6.1712771353111418E-3</v>
      </c>
      <c r="I38" s="194">
        <v>0.67649742335706919</v>
      </c>
      <c r="J38" s="92">
        <v>9.2460214665211673E-3</v>
      </c>
      <c r="K38" s="194">
        <v>9.1072647756860227E-3</v>
      </c>
      <c r="L38" s="92">
        <v>1.8969167039083483E-3</v>
      </c>
      <c r="M38" s="44">
        <v>10202</v>
      </c>
      <c r="N38" s="175">
        <v>3.9950778559713549</v>
      </c>
      <c r="O38" s="127">
        <v>4.2272162203040323E-2</v>
      </c>
      <c r="P38" s="194">
        <v>0.35080112657794904</v>
      </c>
      <c r="Q38" s="92">
        <v>9.447963688091655E-3</v>
      </c>
      <c r="R38" s="194">
        <v>0.12533013974003504</v>
      </c>
      <c r="S38" s="92">
        <v>6.5579767007389045E-3</v>
      </c>
      <c r="T38" s="194">
        <v>0.36984934619564652</v>
      </c>
      <c r="U38" s="92">
        <v>9.557607805195472E-3</v>
      </c>
      <c r="V38" s="194">
        <v>0.15401938748636876</v>
      </c>
      <c r="W38" s="92">
        <v>7.1486889222696541E-3</v>
      </c>
      <c r="X38" s="44">
        <v>10203</v>
      </c>
      <c r="Y38" s="175">
        <v>4.0246571952324945</v>
      </c>
      <c r="Z38" s="127">
        <v>4.0117288152217344E-2</v>
      </c>
      <c r="AA38" s="194">
        <v>0.39680804169681044</v>
      </c>
      <c r="AB38" s="92">
        <v>9.6851535940097652E-3</v>
      </c>
      <c r="AC38" s="194">
        <v>0.12694800785596802</v>
      </c>
      <c r="AD38" s="92">
        <v>6.5936743955059361E-3</v>
      </c>
      <c r="AE38" s="194">
        <v>0.41817946931466099</v>
      </c>
      <c r="AF38" s="92">
        <v>9.7647582304861303E-3</v>
      </c>
      <c r="AG38" s="194">
        <v>5.8064481132560769E-2</v>
      </c>
      <c r="AH38" s="92">
        <v>4.6361085122541583E-3</v>
      </c>
      <c r="AI38" s="44">
        <v>10195</v>
      </c>
      <c r="AJ38" s="175">
        <v>5.42475305301285</v>
      </c>
      <c r="AK38" s="127">
        <v>3.1646890455128363E-2</v>
      </c>
      <c r="AL38" s="194">
        <v>0.100853439818381</v>
      </c>
      <c r="AM38" s="92">
        <v>5.9677522300923876E-3</v>
      </c>
      <c r="AN38" s="194">
        <v>0.10833693314830201</v>
      </c>
      <c r="AO38" s="92">
        <v>6.1589987496151501E-3</v>
      </c>
      <c r="AP38" s="194">
        <v>0.66639303561309138</v>
      </c>
      <c r="AQ38" s="92">
        <v>9.3380283067416199E-3</v>
      </c>
      <c r="AR38" s="194">
        <v>0.12441659142021783</v>
      </c>
      <c r="AS38" s="92">
        <v>6.5397254220062326E-3</v>
      </c>
      <c r="AT38" s="44">
        <v>8834</v>
      </c>
      <c r="AU38" s="175">
        <v>4.9025365079343191</v>
      </c>
      <c r="AV38" s="127">
        <v>4.3705890939296527E-2</v>
      </c>
      <c r="AW38" s="194">
        <v>0.1377063033555474</v>
      </c>
      <c r="AX38" s="92">
        <v>7.3345694733621793E-3</v>
      </c>
      <c r="AY38" s="194">
        <v>0.11459535486474738</v>
      </c>
      <c r="AZ38" s="92">
        <v>6.7810179895330253E-3</v>
      </c>
      <c r="BA38" s="194">
        <v>0.45164065069923159</v>
      </c>
      <c r="BB38" s="92">
        <v>1.0587270057826835E-2</v>
      </c>
      <c r="BC38" s="194">
        <v>0.29605769108047647</v>
      </c>
      <c r="BD38" s="92">
        <v>9.712900063322925E-3</v>
      </c>
    </row>
    <row r="39" spans="1:56">
      <c r="A39" s="40" t="s">
        <v>352</v>
      </c>
      <c r="B39" s="48">
        <v>3703</v>
      </c>
      <c r="C39" s="79">
        <v>5.6346068862803182</v>
      </c>
      <c r="D39" s="80">
        <v>4.5919245388859074E-2</v>
      </c>
      <c r="E39" s="193">
        <v>8.4424856767128811E-2</v>
      </c>
      <c r="F39" s="89">
        <v>9.1547146304464099E-3</v>
      </c>
      <c r="G39" s="193">
        <v>0.10392731850761371</v>
      </c>
      <c r="H39" s="89">
        <v>1.0042520548455001E-2</v>
      </c>
      <c r="I39" s="193">
        <v>0.79430077562095602</v>
      </c>
      <c r="J39" s="89">
        <v>1.3285431587012137E-2</v>
      </c>
      <c r="K39" s="193">
        <v>1.734704910430206E-2</v>
      </c>
      <c r="L39" s="89">
        <v>4.3515083861591095E-3</v>
      </c>
      <c r="M39" s="48">
        <v>3689</v>
      </c>
      <c r="N39" s="79">
        <v>4.8840167198156124</v>
      </c>
      <c r="O39" s="80">
        <v>5.8626969043232585E-2</v>
      </c>
      <c r="P39" s="193">
        <v>0.17348384769875286</v>
      </c>
      <c r="Q39" s="89">
        <v>1.2472250413822907E-2</v>
      </c>
      <c r="R39" s="193">
        <v>0.14921803042090873</v>
      </c>
      <c r="S39" s="89">
        <v>1.1738573934670695E-2</v>
      </c>
      <c r="T39" s="193">
        <v>0.53991262578008392</v>
      </c>
      <c r="U39" s="89">
        <v>1.6403074458564502E-2</v>
      </c>
      <c r="V39" s="193">
        <v>0.13738549610025569</v>
      </c>
      <c r="W39" s="89">
        <v>1.1343319567714845E-2</v>
      </c>
      <c r="X39" s="48">
        <v>3696</v>
      </c>
      <c r="Y39" s="79">
        <v>5.0755890139435946</v>
      </c>
      <c r="Z39" s="80">
        <v>5.473836417165108E-2</v>
      </c>
      <c r="AA39" s="193">
        <v>0.15791539994932807</v>
      </c>
      <c r="AB39" s="89">
        <v>1.2001396761399264E-2</v>
      </c>
      <c r="AC39" s="193">
        <v>0.14181315814130563</v>
      </c>
      <c r="AD39" s="89">
        <v>1.1483451644735765E-2</v>
      </c>
      <c r="AE39" s="193">
        <v>0.63146629556715328</v>
      </c>
      <c r="AF39" s="89">
        <v>1.5862720615133673E-2</v>
      </c>
      <c r="AG39" s="193">
        <v>6.880514634221338E-2</v>
      </c>
      <c r="AH39" s="89">
        <v>8.3486713317167185E-3</v>
      </c>
      <c r="AI39" s="48">
        <v>3678</v>
      </c>
      <c r="AJ39" s="79">
        <v>5.4617472035240109</v>
      </c>
      <c r="AK39" s="80">
        <v>4.792711184259766E-2</v>
      </c>
      <c r="AL39" s="193">
        <v>9.0093261629132768E-2</v>
      </c>
      <c r="AM39" s="89">
        <v>9.4579510640699672E-3</v>
      </c>
      <c r="AN39" s="193">
        <v>0.12095607929861668</v>
      </c>
      <c r="AO39" s="89">
        <v>1.0763251619439602E-2</v>
      </c>
      <c r="AP39" s="193">
        <v>0.69102543868465216</v>
      </c>
      <c r="AQ39" s="89">
        <v>1.5232706003077566E-2</v>
      </c>
      <c r="AR39" s="193">
        <v>9.7925220387598488E-2</v>
      </c>
      <c r="AS39" s="89">
        <v>9.8156242146173727E-3</v>
      </c>
      <c r="AT39" s="48">
        <v>3662</v>
      </c>
      <c r="AU39" s="79">
        <v>5.2576190783384709</v>
      </c>
      <c r="AV39" s="80">
        <v>5.227008865809326E-2</v>
      </c>
      <c r="AW39" s="193">
        <v>8.73226548364118E-2</v>
      </c>
      <c r="AX39" s="89">
        <v>9.3468557777914296E-3</v>
      </c>
      <c r="AY39" s="193">
        <v>0.12853430904670382</v>
      </c>
      <c r="AZ39" s="89">
        <v>1.107008831767956E-2</v>
      </c>
      <c r="BA39" s="193">
        <v>0.58402156252046245</v>
      </c>
      <c r="BB39" s="89">
        <v>1.6281611134885458E-2</v>
      </c>
      <c r="BC39" s="193">
        <v>0.20012147359642266</v>
      </c>
      <c r="BD39" s="89">
        <v>1.3223868824163425E-2</v>
      </c>
    </row>
    <row r="40" spans="1:56">
      <c r="A40" s="44" t="s">
        <v>534</v>
      </c>
      <c r="B40" s="44">
        <v>1887</v>
      </c>
      <c r="C40" s="175">
        <v>5.4154266116426593</v>
      </c>
      <c r="D40" s="127">
        <v>7.8264818005271658E-2</v>
      </c>
      <c r="E40" s="194">
        <v>0.13869758964199536</v>
      </c>
      <c r="F40" s="92">
        <v>1.5932979665409613E-2</v>
      </c>
      <c r="G40" s="194">
        <v>0.10395217146478047</v>
      </c>
      <c r="H40" s="92">
        <v>1.408660951595807E-2</v>
      </c>
      <c r="I40" s="194">
        <v>0.74305484994999194</v>
      </c>
      <c r="J40" s="92">
        <v>2.01093782792236E-2</v>
      </c>
      <c r="K40" s="194">
        <v>1.4295388943234398E-2</v>
      </c>
      <c r="L40" s="92">
        <v>5.6493713315777768E-3</v>
      </c>
      <c r="M40" s="44">
        <v>1880</v>
      </c>
      <c r="N40" s="175">
        <v>4.4640893751408113</v>
      </c>
      <c r="O40" s="127">
        <v>9.4981979222122204E-2</v>
      </c>
      <c r="P40" s="194">
        <v>0.26276519740399512</v>
      </c>
      <c r="Q40" s="92">
        <v>2.029288607661444E-2</v>
      </c>
      <c r="R40" s="194">
        <v>0.13337897820554104</v>
      </c>
      <c r="S40" s="92">
        <v>1.5704217165481569E-2</v>
      </c>
      <c r="T40" s="194">
        <v>0.45969906302524771</v>
      </c>
      <c r="U40" s="92">
        <v>2.2964142815660005E-2</v>
      </c>
      <c r="V40" s="194">
        <v>0.14415676136521755</v>
      </c>
      <c r="W40" s="92">
        <v>1.6219873396386881E-2</v>
      </c>
      <c r="X40" s="44">
        <v>1882</v>
      </c>
      <c r="Y40" s="175">
        <v>4.4500959602642203</v>
      </c>
      <c r="Z40" s="127">
        <v>9.181823175829526E-2</v>
      </c>
      <c r="AA40" s="194">
        <v>0.30494791296028778</v>
      </c>
      <c r="AB40" s="92">
        <v>2.1210248434703472E-2</v>
      </c>
      <c r="AC40" s="194">
        <v>0.13355106473493203</v>
      </c>
      <c r="AD40" s="92">
        <v>1.5704332077348577E-2</v>
      </c>
      <c r="AE40" s="194">
        <v>0.49641384380323855</v>
      </c>
      <c r="AF40" s="92">
        <v>2.3025975187949455E-2</v>
      </c>
      <c r="AG40" s="194">
        <v>6.5087178501543816E-2</v>
      </c>
      <c r="AH40" s="92">
        <v>1.1434938952007548E-2</v>
      </c>
      <c r="AI40" s="44">
        <v>1875</v>
      </c>
      <c r="AJ40" s="175">
        <v>5.5247227667676313</v>
      </c>
      <c r="AK40" s="127">
        <v>6.9697548316348945E-2</v>
      </c>
      <c r="AL40" s="194">
        <v>8.2188511745312484E-2</v>
      </c>
      <c r="AM40" s="92">
        <v>1.2734317944704717E-2</v>
      </c>
      <c r="AN40" s="194">
        <v>0.11420643670096821</v>
      </c>
      <c r="AO40" s="92">
        <v>1.4720842977366186E-2</v>
      </c>
      <c r="AP40" s="194">
        <v>0.69343895966869018</v>
      </c>
      <c r="AQ40" s="92">
        <v>2.1280984036752246E-2</v>
      </c>
      <c r="AR40" s="194">
        <v>0.11016609188503246</v>
      </c>
      <c r="AS40" s="92">
        <v>1.4493459825466494E-2</v>
      </c>
      <c r="AT40" s="44">
        <v>1729</v>
      </c>
      <c r="AU40" s="175">
        <v>5.1725349954855222</v>
      </c>
      <c r="AV40" s="127">
        <v>8.8450931996952059E-2</v>
      </c>
      <c r="AW40" s="194">
        <v>0.10826234333317761</v>
      </c>
      <c r="AX40" s="92">
        <v>1.4982135662049057E-2</v>
      </c>
      <c r="AY40" s="194">
        <v>0.11976575943150843</v>
      </c>
      <c r="AZ40" s="92">
        <v>1.5648222023529813E-2</v>
      </c>
      <c r="BA40" s="194">
        <v>0.53291340746788363</v>
      </c>
      <c r="BB40" s="92">
        <v>2.3969672250382431E-2</v>
      </c>
      <c r="BC40" s="194">
        <v>0.23905848976743338</v>
      </c>
      <c r="BD40" s="92">
        <v>2.050845263082169E-2</v>
      </c>
    </row>
    <row r="41" spans="1:56">
      <c r="A41" s="40" t="s">
        <v>535</v>
      </c>
      <c r="B41" s="48">
        <v>1541</v>
      </c>
      <c r="C41" s="79">
        <v>5.3016506860922421</v>
      </c>
      <c r="D41" s="80">
        <v>8.972485451391489E-2</v>
      </c>
      <c r="E41" s="193">
        <v>0.16511282552355652</v>
      </c>
      <c r="F41" s="89">
        <v>1.8931355310320652E-2</v>
      </c>
      <c r="G41" s="193">
        <v>0.10684426483409278</v>
      </c>
      <c r="H41" s="89">
        <v>1.5783970542717581E-2</v>
      </c>
      <c r="I41" s="193">
        <v>0.71557240102603059</v>
      </c>
      <c r="J41" s="89">
        <v>2.2968607102116661E-2</v>
      </c>
      <c r="K41" s="193">
        <v>1.2470508616319183E-2</v>
      </c>
      <c r="L41" s="89">
        <v>5.9216312955470991E-3</v>
      </c>
      <c r="M41" s="48">
        <v>1538</v>
      </c>
      <c r="N41" s="79">
        <v>4.3099847711609032</v>
      </c>
      <c r="O41" s="80">
        <v>0.10718077070152919</v>
      </c>
      <c r="P41" s="193">
        <v>0.29377994674599528</v>
      </c>
      <c r="Q41" s="89">
        <v>2.3211296665735445E-2</v>
      </c>
      <c r="R41" s="193">
        <v>0.12702529113526195</v>
      </c>
      <c r="S41" s="89">
        <v>1.7015339324185533E-2</v>
      </c>
      <c r="T41" s="193">
        <v>0.4288460962723159</v>
      </c>
      <c r="U41" s="89">
        <v>2.520799877526167E-2</v>
      </c>
      <c r="V41" s="193">
        <v>0.15034866584642653</v>
      </c>
      <c r="W41" s="89">
        <v>1.8248706545755548E-2</v>
      </c>
      <c r="X41" s="48">
        <v>1539</v>
      </c>
      <c r="Y41" s="79">
        <v>4.2184448851346641</v>
      </c>
      <c r="Z41" s="80">
        <v>0.10234188117945932</v>
      </c>
      <c r="AA41" s="193">
        <v>0.35378838795703238</v>
      </c>
      <c r="AB41" s="89">
        <v>2.4350692219445826E-2</v>
      </c>
      <c r="AC41" s="193">
        <v>0.13540139647856692</v>
      </c>
      <c r="AD41" s="89">
        <v>1.747184969832619E-2</v>
      </c>
      <c r="AE41" s="193">
        <v>0.44850730953424728</v>
      </c>
      <c r="AF41" s="89">
        <v>2.5322916814295486E-2</v>
      </c>
      <c r="AG41" s="193">
        <v>6.2302906030153239E-2</v>
      </c>
      <c r="AH41" s="89">
        <v>1.2410482656568448E-2</v>
      </c>
      <c r="AI41" s="48">
        <v>1534</v>
      </c>
      <c r="AJ41" s="79">
        <v>5.4697523155205179</v>
      </c>
      <c r="AK41" s="80">
        <v>7.9259509962979591E-2</v>
      </c>
      <c r="AL41" s="193">
        <v>9.3067992116272133E-2</v>
      </c>
      <c r="AM41" s="89">
        <v>1.4891594953992893E-2</v>
      </c>
      <c r="AN41" s="193">
        <v>0.11238084293461573</v>
      </c>
      <c r="AO41" s="89">
        <v>1.6169767421552815E-2</v>
      </c>
      <c r="AP41" s="193">
        <v>0.68394755277728481</v>
      </c>
      <c r="AQ41" s="89">
        <v>2.3720252610193057E-2</v>
      </c>
      <c r="AR41" s="193">
        <v>0.11060361217182596</v>
      </c>
      <c r="AS41" s="89">
        <v>1.605890795679437E-2</v>
      </c>
      <c r="AT41" s="48">
        <v>1390</v>
      </c>
      <c r="AU41" s="79">
        <v>5.1081611701684251</v>
      </c>
      <c r="AV41" s="80">
        <v>0.10389586663645682</v>
      </c>
      <c r="AW41" s="193">
        <v>0.12012307412714744</v>
      </c>
      <c r="AX41" s="89">
        <v>1.7482969020578106E-2</v>
      </c>
      <c r="AY41" s="193">
        <v>0.11456661851780384</v>
      </c>
      <c r="AZ41" s="89">
        <v>1.7132486281819868E-2</v>
      </c>
      <c r="BA41" s="193">
        <v>0.51400537763529952</v>
      </c>
      <c r="BB41" s="89">
        <v>2.6773130144863596E-2</v>
      </c>
      <c r="BC41" s="193">
        <v>0.25130492971975044</v>
      </c>
      <c r="BD41" s="89">
        <v>2.3257352437837532E-2</v>
      </c>
    </row>
    <row r="42" spans="1:56">
      <c r="A42" s="44" t="s">
        <v>546</v>
      </c>
      <c r="B42" s="44">
        <v>350</v>
      </c>
      <c r="C42" s="175">
        <v>5.7646712303886725</v>
      </c>
      <c r="D42" s="127">
        <v>0.13856957140967346</v>
      </c>
      <c r="E42" s="194">
        <v>5.7941159321080925E-2</v>
      </c>
      <c r="F42" s="92">
        <v>2.581446456812013E-2</v>
      </c>
      <c r="G42" s="194">
        <v>9.6372031739847847E-2</v>
      </c>
      <c r="H42" s="92">
        <v>3.2021421092774574E-2</v>
      </c>
      <c r="I42" s="194">
        <v>0.82573976026921525</v>
      </c>
      <c r="J42" s="92">
        <v>4.0655358124055345E-2</v>
      </c>
      <c r="K42" s="194">
        <v>1.9947048669855059E-2</v>
      </c>
      <c r="L42" s="92">
        <v>1.6715522436361652E-2</v>
      </c>
      <c r="M42" s="44">
        <v>346</v>
      </c>
      <c r="N42" s="175">
        <v>4.9258195506179314</v>
      </c>
      <c r="O42" s="127">
        <v>0.18356324112899186</v>
      </c>
      <c r="P42" s="194">
        <v>0.16771021096486552</v>
      </c>
      <c r="Q42" s="92">
        <v>4.029787377005653E-2</v>
      </c>
      <c r="R42" s="194">
        <v>0.1551474250392666</v>
      </c>
      <c r="S42" s="92">
        <v>3.9101248138769903E-2</v>
      </c>
      <c r="T42" s="194">
        <v>0.55442282751993766</v>
      </c>
      <c r="U42" s="92">
        <v>5.3141909023895463E-2</v>
      </c>
      <c r="V42" s="194">
        <v>0.12271953647592992</v>
      </c>
      <c r="W42" s="92">
        <v>3.560005757107948E-2</v>
      </c>
      <c r="X42" s="44">
        <v>347</v>
      </c>
      <c r="Y42" s="175">
        <v>5.1959653555623362</v>
      </c>
      <c r="Z42" s="127">
        <v>0.1682431182256624</v>
      </c>
      <c r="AA42" s="194">
        <v>0.14982667341162537</v>
      </c>
      <c r="AB42" s="92">
        <v>3.851332775932037E-2</v>
      </c>
      <c r="AC42" s="194">
        <v>0.12893361506911258</v>
      </c>
      <c r="AD42" s="92">
        <v>3.6269032077458505E-2</v>
      </c>
      <c r="AE42" s="194">
        <v>0.6476339191361451</v>
      </c>
      <c r="AF42" s="92">
        <v>5.1051414238602003E-2</v>
      </c>
      <c r="AG42" s="194">
        <v>7.3605792383115889E-2</v>
      </c>
      <c r="AH42" s="92">
        <v>2.8705843169047528E-2</v>
      </c>
      <c r="AI42" s="44">
        <v>345</v>
      </c>
      <c r="AJ42" s="175">
        <v>5.6820937530866251</v>
      </c>
      <c r="AK42" s="127">
        <v>0.1403070859520113</v>
      </c>
      <c r="AL42" s="194">
        <v>5.1093784203101983E-2</v>
      </c>
      <c r="AM42" s="92">
        <v>2.4664170471976474E-2</v>
      </c>
      <c r="AN42" s="194">
        <v>0.12159141913175826</v>
      </c>
      <c r="AO42" s="92">
        <v>3.5518347185493515E-2</v>
      </c>
      <c r="AP42" s="194">
        <v>0.71943723202316168</v>
      </c>
      <c r="AQ42" s="92">
        <v>4.8228772228781941E-2</v>
      </c>
      <c r="AR42" s="194">
        <v>0.10787756464197676</v>
      </c>
      <c r="AS42" s="92">
        <v>3.3811271602246368E-2</v>
      </c>
      <c r="AT42" s="44">
        <v>343</v>
      </c>
      <c r="AU42" s="175">
        <v>5.3463671656455789</v>
      </c>
      <c r="AV42" s="127">
        <v>0.1534309872883875</v>
      </c>
      <c r="AW42" s="194">
        <v>7.4328141408071507E-2</v>
      </c>
      <c r="AX42" s="92">
        <v>2.900001649028398E-2</v>
      </c>
      <c r="AY42" s="194">
        <v>0.137674671393437</v>
      </c>
      <c r="AZ42" s="92">
        <v>3.7459608492258559E-2</v>
      </c>
      <c r="BA42" s="194">
        <v>0.58990190919268715</v>
      </c>
      <c r="BB42" s="92">
        <v>5.2828132996271357E-2</v>
      </c>
      <c r="BC42" s="194">
        <v>0.19809527800580359</v>
      </c>
      <c r="BD42" s="92">
        <v>4.3072592915004294E-2</v>
      </c>
    </row>
    <row r="43" spans="1:56">
      <c r="A43" s="40" t="s">
        <v>536</v>
      </c>
      <c r="B43" s="48">
        <v>296</v>
      </c>
      <c r="C43" s="79">
        <v>5.1788111561664163</v>
      </c>
      <c r="D43" s="80">
        <v>0.1966235413337053</v>
      </c>
      <c r="E43" s="193">
        <v>0.16132766469707324</v>
      </c>
      <c r="F43" s="89">
        <v>4.2947921495879039E-2</v>
      </c>
      <c r="G43" s="193">
        <v>0.1613579106245237</v>
      </c>
      <c r="H43" s="89">
        <v>4.2951017126133841E-2</v>
      </c>
      <c r="I43" s="193">
        <v>0.66847802334890094</v>
      </c>
      <c r="J43" s="89">
        <v>5.4450838822630201E-2</v>
      </c>
      <c r="K43" s="193">
        <v>8.8364013294994232E-3</v>
      </c>
      <c r="L43" s="89">
        <v>1.4211987154224122E-2</v>
      </c>
      <c r="M43" s="48">
        <v>297</v>
      </c>
      <c r="N43" s="79">
        <v>3.969861282230025</v>
      </c>
      <c r="O43" s="80">
        <v>0.24382018125095156</v>
      </c>
      <c r="P43" s="193">
        <v>0.34489692848515013</v>
      </c>
      <c r="Q43" s="89">
        <v>5.4872631317965097E-2</v>
      </c>
      <c r="R43" s="193">
        <v>0.13832342029714276</v>
      </c>
      <c r="S43" s="89">
        <v>4.0370975268656385E-2</v>
      </c>
      <c r="T43" s="193">
        <v>0.33281784787035529</v>
      </c>
      <c r="U43" s="89">
        <v>5.4411749493887475E-2</v>
      </c>
      <c r="V43" s="193">
        <v>0.18396180334734985</v>
      </c>
      <c r="W43" s="89">
        <v>4.5055424160323522E-2</v>
      </c>
      <c r="X43" s="48">
        <v>295</v>
      </c>
      <c r="Y43" s="79">
        <v>3.7822899957839393</v>
      </c>
      <c r="Z43" s="80">
        <v>0.22439234727980534</v>
      </c>
      <c r="AA43" s="193">
        <v>0.44731719634866018</v>
      </c>
      <c r="AB43" s="89">
        <v>5.7518156011067405E-2</v>
      </c>
      <c r="AC43" s="193">
        <v>0.15883709782270233</v>
      </c>
      <c r="AD43" s="89">
        <v>4.276422319218335E-2</v>
      </c>
      <c r="AE43" s="193">
        <v>0.36553227146141837</v>
      </c>
      <c r="AF43" s="89">
        <v>5.5758555204728596E-2</v>
      </c>
      <c r="AG43" s="193">
        <v>2.8313434367216717E-2</v>
      </c>
      <c r="AH43" s="89">
        <v>2.1146036986868001E-2</v>
      </c>
      <c r="AI43" s="48">
        <v>295</v>
      </c>
      <c r="AJ43" s="79">
        <v>5.6899837343390329</v>
      </c>
      <c r="AK43" s="80">
        <v>0.16824429699629095</v>
      </c>
      <c r="AL43" s="193">
        <v>6.5561823366029628E-2</v>
      </c>
      <c r="AM43" s="89">
        <v>2.9777210543730892E-2</v>
      </c>
      <c r="AN43" s="193">
        <v>7.3457883780757238E-2</v>
      </c>
      <c r="AO43" s="89">
        <v>3.1228400781925004E-2</v>
      </c>
      <c r="AP43" s="193">
        <v>0.76149268934667835</v>
      </c>
      <c r="AQ43" s="89">
        <v>4.9538182824164799E-2</v>
      </c>
      <c r="AR43" s="193">
        <v>9.9487603506532241E-2</v>
      </c>
      <c r="AS43" s="89">
        <v>3.5433865663965898E-2</v>
      </c>
      <c r="AT43" s="48">
        <v>234</v>
      </c>
      <c r="AU43" s="79">
        <v>4.8746447406137872</v>
      </c>
      <c r="AV43" s="80">
        <v>0.28428849422315267</v>
      </c>
      <c r="AW43" s="193">
        <v>0.1531016233466585</v>
      </c>
      <c r="AX43" s="89">
        <v>4.7398279549570078E-2</v>
      </c>
      <c r="AY43" s="193">
        <v>6.8639811660823336E-2</v>
      </c>
      <c r="AZ43" s="89">
        <v>3.4331634478442667E-2</v>
      </c>
      <c r="BA43" s="193">
        <v>0.49731034222815784</v>
      </c>
      <c r="BB43" s="89">
        <v>6.4819465753777575E-2</v>
      </c>
      <c r="BC43" s="193">
        <v>0.28094822276436032</v>
      </c>
      <c r="BD43" s="89">
        <v>5.8498820210606081E-2</v>
      </c>
    </row>
    <row r="44" spans="1:56">
      <c r="A44" s="44" t="s">
        <v>537</v>
      </c>
      <c r="B44" s="44">
        <v>88</v>
      </c>
      <c r="C44" s="175">
        <v>4.8237562756990249</v>
      </c>
      <c r="D44" s="127">
        <v>0.35929567062569723</v>
      </c>
      <c r="E44" s="194">
        <v>0.23949950675834511</v>
      </c>
      <c r="F44" s="92">
        <v>9.0388563613768277E-2</v>
      </c>
      <c r="G44" s="194">
        <v>0.17864566706653709</v>
      </c>
      <c r="H44" s="92">
        <v>8.2228752202389177E-2</v>
      </c>
      <c r="I44" s="194">
        <v>0.58185482617511786</v>
      </c>
      <c r="J44" s="92">
        <v>0.10297102775378421</v>
      </c>
      <c r="K44" s="194">
        <v>0</v>
      </c>
      <c r="L44" s="92">
        <v>3.0407765486097187E-2</v>
      </c>
      <c r="M44" s="44">
        <v>88</v>
      </c>
      <c r="N44" s="175">
        <v>3.3893859554541201</v>
      </c>
      <c r="O44" s="127">
        <v>0.43324897858783284</v>
      </c>
      <c r="P44" s="194">
        <v>0.41609520561305369</v>
      </c>
      <c r="Q44" s="92">
        <v>0.10290537073461122</v>
      </c>
      <c r="R44" s="194">
        <v>0.12816291329609864</v>
      </c>
      <c r="S44" s="92">
        <v>7.3276922161678429E-2</v>
      </c>
      <c r="T44" s="194">
        <v>0.24433709676803933</v>
      </c>
      <c r="U44" s="92">
        <v>9.0936361823052342E-2</v>
      </c>
      <c r="V44" s="194">
        <v>0.21140478432280843</v>
      </c>
      <c r="W44" s="92">
        <v>8.6927687053017982E-2</v>
      </c>
      <c r="X44" s="44">
        <v>88</v>
      </c>
      <c r="Y44" s="175">
        <v>3.2166164438430562</v>
      </c>
      <c r="Z44" s="127">
        <v>0.40649109224412011</v>
      </c>
      <c r="AA44" s="194">
        <v>0.56794924888378329</v>
      </c>
      <c r="AB44" s="92">
        <v>0.10337261822951846</v>
      </c>
      <c r="AC44" s="194">
        <v>0.14993965076875229</v>
      </c>
      <c r="AD44" s="92">
        <v>7.7426529184294018E-2</v>
      </c>
      <c r="AE44" s="194">
        <v>0.23233089209481059</v>
      </c>
      <c r="AF44" s="92">
        <v>8.9551530676423158E-2</v>
      </c>
      <c r="AG44" s="194">
        <v>4.9780208252653814E-2</v>
      </c>
      <c r="AH44" s="92">
        <v>5.2974509171640337E-2</v>
      </c>
      <c r="AI44" s="44">
        <v>87</v>
      </c>
      <c r="AJ44" s="175">
        <v>5.4567482055608929</v>
      </c>
      <c r="AK44" s="127">
        <v>0.32663041701148166</v>
      </c>
      <c r="AL44" s="194">
        <v>8.3747763015009774E-2</v>
      </c>
      <c r="AM44" s="92">
        <v>6.3464612088980604E-2</v>
      </c>
      <c r="AN44" s="194">
        <v>6.4966479645167108E-2</v>
      </c>
      <c r="AO44" s="92">
        <v>5.8184209364025165E-2</v>
      </c>
      <c r="AP44" s="194">
        <v>0.71811857297709769</v>
      </c>
      <c r="AQ44" s="92">
        <v>9.5276312023573825E-2</v>
      </c>
      <c r="AR44" s="194">
        <v>0.13316718436272557</v>
      </c>
      <c r="AS44" s="92">
        <v>7.4716663610117251E-2</v>
      </c>
      <c r="AT44" s="44">
        <v>57</v>
      </c>
      <c r="AU44" s="175">
        <v>4.3015708399638077</v>
      </c>
      <c r="AV44" s="127">
        <v>0.60123306143612953</v>
      </c>
      <c r="AW44" s="194">
        <v>0.25164868733283924</v>
      </c>
      <c r="AX44" s="92">
        <v>0.1134107233507554</v>
      </c>
      <c r="AY44" s="194">
        <v>9.6606074969443692E-2</v>
      </c>
      <c r="AZ44" s="92">
        <v>8.412123604056948E-2</v>
      </c>
      <c r="BA44" s="194">
        <v>0.47137258153467182</v>
      </c>
      <c r="BB44" s="92">
        <v>0.12785350895706168</v>
      </c>
      <c r="BC44" s="194">
        <v>0.18037265616304515</v>
      </c>
      <c r="BD44" s="92">
        <v>0.10268440333283704</v>
      </c>
    </row>
    <row r="45" spans="1:56">
      <c r="A45" s="40" t="s">
        <v>538</v>
      </c>
      <c r="B45" s="48">
        <v>89</v>
      </c>
      <c r="C45" s="79">
        <v>5.3349808067750697</v>
      </c>
      <c r="D45" s="80">
        <v>0.37554317320081515</v>
      </c>
      <c r="E45" s="193">
        <v>0.16386699305033453</v>
      </c>
      <c r="F45" s="89">
        <v>7.9386020598624943E-2</v>
      </c>
      <c r="G45" s="193">
        <v>0.111650239881375</v>
      </c>
      <c r="H45" s="89">
        <v>6.9368532999702096E-2</v>
      </c>
      <c r="I45" s="193">
        <v>0.72448276706829029</v>
      </c>
      <c r="J45" s="89">
        <v>9.3636015663277034E-2</v>
      </c>
      <c r="K45" s="193">
        <v>0</v>
      </c>
      <c r="L45" s="89">
        <v>3.0084393934100805E-2</v>
      </c>
      <c r="M45" s="48">
        <v>90</v>
      </c>
      <c r="N45" s="79">
        <v>4.2209315290097082</v>
      </c>
      <c r="O45" s="80">
        <v>0.43458396132404309</v>
      </c>
      <c r="P45" s="193">
        <v>0.28906366857223731</v>
      </c>
      <c r="Q45" s="89">
        <v>9.4353800051157843E-2</v>
      </c>
      <c r="R45" s="193">
        <v>0.15186137930071308</v>
      </c>
      <c r="S45" s="89">
        <v>7.6879283698263357E-2</v>
      </c>
      <c r="T45" s="193">
        <v>0.35356316884055722</v>
      </c>
      <c r="U45" s="89">
        <v>9.9004067038657897E-2</v>
      </c>
      <c r="V45" s="193">
        <v>0.20551178328649261</v>
      </c>
      <c r="W45" s="89">
        <v>8.5178251421743623E-2</v>
      </c>
      <c r="X45" s="48">
        <v>89</v>
      </c>
      <c r="Y45" s="79">
        <v>3.5576084841573516</v>
      </c>
      <c r="Z45" s="80">
        <v>0.38458265100702865</v>
      </c>
      <c r="AA45" s="193">
        <v>0.50256075003694267</v>
      </c>
      <c r="AB45" s="89">
        <v>0.10369392398483177</v>
      </c>
      <c r="AC45" s="193">
        <v>0.17342417942272928</v>
      </c>
      <c r="AD45" s="89">
        <v>8.0942108921958453E-2</v>
      </c>
      <c r="AE45" s="193">
        <v>0.2992907780107199</v>
      </c>
      <c r="AF45" s="89">
        <v>9.5738576016757407E-2</v>
      </c>
      <c r="AG45" s="193">
        <v>2.472429252960831E-2</v>
      </c>
      <c r="AH45" s="89">
        <v>4.3068471386319418E-2</v>
      </c>
      <c r="AI45" s="48">
        <v>90</v>
      </c>
      <c r="AJ45" s="79">
        <v>5.7374132865619538</v>
      </c>
      <c r="AK45" s="80">
        <v>0.28416433870375318</v>
      </c>
      <c r="AL45" s="193">
        <v>5.2005044429420451E-2</v>
      </c>
      <c r="AM45" s="89">
        <v>5.3002571269790376E-2</v>
      </c>
      <c r="AN45" s="193">
        <v>4.7936122300040698E-2</v>
      </c>
      <c r="AO45" s="89">
        <v>5.1637314083596349E-2</v>
      </c>
      <c r="AP45" s="193">
        <v>0.821675858379737</v>
      </c>
      <c r="AQ45" s="89">
        <v>8.1251824221040117E-2</v>
      </c>
      <c r="AR45" s="193">
        <v>7.8382974890801857E-2</v>
      </c>
      <c r="AS45" s="89">
        <v>6.0861121244093763E-2</v>
      </c>
      <c r="AT45" s="48">
        <v>75</v>
      </c>
      <c r="AU45" s="79">
        <v>5.2667193196253281</v>
      </c>
      <c r="AV45" s="80">
        <v>0.44091970588325369</v>
      </c>
      <c r="AW45" s="193">
        <v>9.4977789696851986E-2</v>
      </c>
      <c r="AX45" s="89">
        <v>7.1917111903204559E-2</v>
      </c>
      <c r="AY45" s="193">
        <v>7.8241912391989271E-2</v>
      </c>
      <c r="AZ45" s="89">
        <v>6.7384120582913612E-2</v>
      </c>
      <c r="BA45" s="193">
        <v>0.51082992372731073</v>
      </c>
      <c r="BB45" s="89">
        <v>0.11248500080114861</v>
      </c>
      <c r="BC45" s="193">
        <v>0.31595037418384853</v>
      </c>
      <c r="BD45" s="89">
        <v>0.10541520015235617</v>
      </c>
    </row>
    <row r="46" spans="1:56">
      <c r="A46" s="44" t="s">
        <v>539</v>
      </c>
      <c r="B46" s="44">
        <v>100</v>
      </c>
      <c r="C46" s="175">
        <v>5.3660838508515871</v>
      </c>
      <c r="D46" s="127">
        <v>0.31030013677102086</v>
      </c>
      <c r="E46" s="194">
        <v>0.10707885104136602</v>
      </c>
      <c r="F46" s="92">
        <v>6.4229310602499395E-2</v>
      </c>
      <c r="G46" s="194">
        <v>0.16999072168635279</v>
      </c>
      <c r="H46" s="92">
        <v>7.5780595910396653E-2</v>
      </c>
      <c r="I46" s="194">
        <v>0.70122650064087166</v>
      </c>
      <c r="J46" s="92">
        <v>9.0418423316424107E-2</v>
      </c>
      <c r="K46" s="194">
        <v>2.1703926631410152E-2</v>
      </c>
      <c r="L46" s="92">
        <v>3.847672878663206E-2</v>
      </c>
      <c r="M46" s="44">
        <v>100</v>
      </c>
      <c r="N46" s="175">
        <v>4.1699067796047071</v>
      </c>
      <c r="O46" s="127">
        <v>0.42792900056797384</v>
      </c>
      <c r="P46" s="194">
        <v>0.33766489298704522</v>
      </c>
      <c r="Q46" s="92">
        <v>9.3157323411111839E-2</v>
      </c>
      <c r="R46" s="194">
        <v>0.12632464740797933</v>
      </c>
      <c r="S46" s="92">
        <v>6.819124506107456E-2</v>
      </c>
      <c r="T46" s="194">
        <v>0.38992923618875808</v>
      </c>
      <c r="U46" s="92">
        <v>9.5836092379336615E-2</v>
      </c>
      <c r="V46" s="194">
        <v>0.14608122341621807</v>
      </c>
      <c r="W46" s="92">
        <v>7.1841565857081777E-2</v>
      </c>
      <c r="X46" s="44">
        <v>99</v>
      </c>
      <c r="Y46" s="175">
        <v>4.3385903878603971</v>
      </c>
      <c r="Z46" s="127">
        <v>0.37938200825447255</v>
      </c>
      <c r="AA46" s="194">
        <v>0.31990258668833371</v>
      </c>
      <c r="AB46" s="92">
        <v>9.2439480915931613E-2</v>
      </c>
      <c r="AC46" s="194">
        <v>0.15812467510641551</v>
      </c>
      <c r="AD46" s="92">
        <v>7.4266105473583616E-2</v>
      </c>
      <c r="AE46" s="194">
        <v>0.50086349654876838</v>
      </c>
      <c r="AF46" s="92">
        <v>9.8532792069868785E-2</v>
      </c>
      <c r="AG46" s="194">
        <v>2.1109241656482897E-2</v>
      </c>
      <c r="AH46" s="92">
        <v>3.8481012766120017E-2</v>
      </c>
      <c r="AI46" s="44">
        <v>99</v>
      </c>
      <c r="AJ46" s="175">
        <v>5.9964214095509281</v>
      </c>
      <c r="AK46" s="127">
        <v>0.23616038856161981</v>
      </c>
      <c r="AL46" s="194">
        <v>1.8858666090042636E-2</v>
      </c>
      <c r="AM46" s="92">
        <v>3.7460260905406981E-2</v>
      </c>
      <c r="AN46" s="194">
        <v>8.4082975531479101E-2</v>
      </c>
      <c r="AO46" s="92">
        <v>5.9181478052571887E-2</v>
      </c>
      <c r="AP46" s="194">
        <v>0.79163688422419198</v>
      </c>
      <c r="AQ46" s="92">
        <v>8.1592318879114764E-2</v>
      </c>
      <c r="AR46" s="194">
        <v>0.10542147415428708</v>
      </c>
      <c r="AS46" s="92">
        <v>6.4210085487021756E-2</v>
      </c>
      <c r="AT46" s="44">
        <v>85</v>
      </c>
      <c r="AU46" s="175">
        <v>5.2935871993551196</v>
      </c>
      <c r="AV46" s="127">
        <v>0.43076514031368507</v>
      </c>
      <c r="AW46" s="194">
        <v>9.4733777149950182E-2</v>
      </c>
      <c r="AX46" s="92">
        <v>6.7104058418255078E-2</v>
      </c>
      <c r="AY46" s="194">
        <v>5.3324868625426632E-2</v>
      </c>
      <c r="AZ46" s="92">
        <v>5.5287836243479611E-2</v>
      </c>
      <c r="BA46" s="194">
        <v>0.55130773517792331</v>
      </c>
      <c r="BB46" s="92">
        <v>0.10548951203649523</v>
      </c>
      <c r="BC46" s="194">
        <v>0.30063361904670055</v>
      </c>
      <c r="BD46" s="92">
        <v>9.8012959313598089E-2</v>
      </c>
    </row>
    <row r="47" spans="1:56">
      <c r="A47" s="40" t="s">
        <v>540</v>
      </c>
      <c r="B47" s="191">
        <v>114</v>
      </c>
      <c r="C47" s="79">
        <v>4.4757726518800984</v>
      </c>
      <c r="D47" s="80">
        <v>0.35623185646807443</v>
      </c>
      <c r="E47" s="193">
        <v>0.31697043220047072</v>
      </c>
      <c r="F47" s="89">
        <v>8.6108496253768416E-2</v>
      </c>
      <c r="G47" s="193">
        <v>0.14131153896121554</v>
      </c>
      <c r="H47" s="89">
        <v>6.6362457410436254E-2</v>
      </c>
      <c r="I47" s="193">
        <v>0.53546646751759053</v>
      </c>
      <c r="J47" s="89">
        <v>9.1841049795575627E-2</v>
      </c>
      <c r="K47" s="193">
        <v>6.2515613207233846E-3</v>
      </c>
      <c r="L47" s="89">
        <v>2.7592870464745053E-2</v>
      </c>
      <c r="M47" s="191">
        <v>113</v>
      </c>
      <c r="N47" s="79">
        <v>3.6199202308609397</v>
      </c>
      <c r="O47" s="80">
        <v>0.38913635583902012</v>
      </c>
      <c r="P47" s="193">
        <v>0.44564810421030804</v>
      </c>
      <c r="Q47" s="89">
        <v>9.1939112194869096E-2</v>
      </c>
      <c r="R47" s="193">
        <v>0.12173169257630956</v>
      </c>
      <c r="S47" s="89">
        <v>6.3118275901649951E-2</v>
      </c>
      <c r="T47" s="193">
        <v>0.31606492797319213</v>
      </c>
      <c r="U47" s="89">
        <v>8.6418115442188193E-2</v>
      </c>
      <c r="V47" s="193">
        <v>0.11655527524019042</v>
      </c>
      <c r="W47" s="89">
        <v>6.2114208270711943E-2</v>
      </c>
      <c r="X47" s="191">
        <v>114</v>
      </c>
      <c r="Y47" s="79">
        <v>3.4363220166263764</v>
      </c>
      <c r="Z47" s="80">
        <v>0.35776961611589231</v>
      </c>
      <c r="AA47" s="193">
        <v>0.49484886885581247</v>
      </c>
      <c r="AB47" s="89">
        <v>9.205290193885203E-2</v>
      </c>
      <c r="AC47" s="193">
        <v>0.21820008271096761</v>
      </c>
      <c r="AD47" s="89">
        <v>7.7214507577889613E-2</v>
      </c>
      <c r="AE47" s="193">
        <v>0.22031441313293429</v>
      </c>
      <c r="AF47" s="89">
        <v>7.7457349565711944E-2</v>
      </c>
      <c r="AG47" s="193">
        <v>6.663663530028581E-2</v>
      </c>
      <c r="AH47" s="89">
        <v>5.032533180231525E-2</v>
      </c>
      <c r="AI47" s="191">
        <v>114</v>
      </c>
      <c r="AJ47" s="79">
        <v>5.2665369309404353</v>
      </c>
      <c r="AK47" s="80">
        <v>0.31811068408653981</v>
      </c>
      <c r="AL47" s="193">
        <v>0.11006356951107168</v>
      </c>
      <c r="AM47" s="89">
        <v>6.0529685342456341E-2</v>
      </c>
      <c r="AN47" s="193">
        <v>0.12912199771664212</v>
      </c>
      <c r="AO47" s="89">
        <v>6.4207530566019452E-2</v>
      </c>
      <c r="AP47" s="193">
        <v>0.65975930728169485</v>
      </c>
      <c r="AQ47" s="89">
        <v>8.7561699444053023E-2</v>
      </c>
      <c r="AR47" s="193">
        <v>0.10105512549059162</v>
      </c>
      <c r="AS47" s="89">
        <v>5.8642960627776512E-2</v>
      </c>
      <c r="AT47" s="191">
        <v>101</v>
      </c>
      <c r="AU47" s="79">
        <v>4.6504329055819031</v>
      </c>
      <c r="AV47" s="80">
        <v>0.38807865387869128</v>
      </c>
      <c r="AW47" s="193">
        <v>0.18299090848866326</v>
      </c>
      <c r="AX47" s="89">
        <v>7.7340591717439774E-2</v>
      </c>
      <c r="AY47" s="193">
        <v>0.15301054080652857</v>
      </c>
      <c r="AZ47" s="89">
        <v>7.2662833704913846E-2</v>
      </c>
      <c r="BA47" s="193">
        <v>0.40109004144337779</v>
      </c>
      <c r="BB47" s="89">
        <v>9.5806950224389717E-2</v>
      </c>
      <c r="BC47" s="193">
        <v>0.26290850926143022</v>
      </c>
      <c r="BD47" s="89">
        <v>8.6847188092117736E-2</v>
      </c>
    </row>
    <row r="48" spans="1:56">
      <c r="A48" s="44" t="s">
        <v>541</v>
      </c>
      <c r="B48" s="192">
        <v>112</v>
      </c>
      <c r="C48" s="175">
        <v>4.7461017683574216</v>
      </c>
      <c r="D48" s="127">
        <v>0.35911446869925417</v>
      </c>
      <c r="E48" s="194">
        <v>0.26788917462412987</v>
      </c>
      <c r="F48" s="92">
        <v>8.2998971917765257E-2</v>
      </c>
      <c r="G48" s="194">
        <v>0.15588656662111089</v>
      </c>
      <c r="H48" s="92">
        <v>6.9384394059173557E-2</v>
      </c>
      <c r="I48" s="194">
        <v>0.56427103114164701</v>
      </c>
      <c r="J48" s="92">
        <v>9.2129819052515327E-2</v>
      </c>
      <c r="K48" s="194">
        <v>1.195322761311219E-2</v>
      </c>
      <c r="L48" s="92">
        <v>3.1047237967242954E-2</v>
      </c>
      <c r="M48" s="192">
        <v>112</v>
      </c>
      <c r="N48" s="175">
        <v>3.4799816140295148</v>
      </c>
      <c r="O48" s="127">
        <v>0.40128903208625977</v>
      </c>
      <c r="P48" s="194">
        <v>0.44762707202839835</v>
      </c>
      <c r="Q48" s="92">
        <v>9.2371622388336447E-2</v>
      </c>
      <c r="R48" s="194">
        <v>0.11688205003032208</v>
      </c>
      <c r="S48" s="92">
        <v>6.2468977563485399E-2</v>
      </c>
      <c r="T48" s="194">
        <v>0.30239918416958561</v>
      </c>
      <c r="U48" s="92">
        <v>8.582265650013246E-2</v>
      </c>
      <c r="V48" s="194">
        <v>0.13309169377169405</v>
      </c>
      <c r="W48" s="92">
        <v>6.5522430215520303E-2</v>
      </c>
      <c r="X48" s="192">
        <v>111</v>
      </c>
      <c r="Y48" s="175">
        <v>3.1686572209003039</v>
      </c>
      <c r="Z48" s="127">
        <v>0.35864189746176661</v>
      </c>
      <c r="AA48" s="194">
        <v>0.58889350231438253</v>
      </c>
      <c r="AB48" s="92">
        <v>9.1867218595991521E-2</v>
      </c>
      <c r="AC48" s="194">
        <v>8.8946529122519991E-2</v>
      </c>
      <c r="AD48" s="92">
        <v>5.6748019423605613E-2</v>
      </c>
      <c r="AE48" s="194">
        <v>0.29219431815933267</v>
      </c>
      <c r="AF48" s="92">
        <v>8.5418377629845513E-2</v>
      </c>
      <c r="AG48" s="194">
        <v>2.9965650403765282E-2</v>
      </c>
      <c r="AH48" s="92">
        <v>3.9196105611979053E-2</v>
      </c>
      <c r="AI48" s="192">
        <v>110</v>
      </c>
      <c r="AJ48" s="175">
        <v>5.5016750013667712</v>
      </c>
      <c r="AK48" s="127">
        <v>0.29637278191255323</v>
      </c>
      <c r="AL48" s="194">
        <v>0.11653480915682417</v>
      </c>
      <c r="AM48" s="92">
        <v>6.2993288061697572E-2</v>
      </c>
      <c r="AN48" s="194">
        <v>0.10073599708418507</v>
      </c>
      <c r="AO48" s="92">
        <v>5.970065254951705E-2</v>
      </c>
      <c r="AP48" s="194">
        <v>0.720235224101618</v>
      </c>
      <c r="AQ48" s="92">
        <v>8.477845000510989E-2</v>
      </c>
      <c r="AR48" s="194">
        <v>6.2493969657373062E-2</v>
      </c>
      <c r="AS48" s="92">
        <v>5.0187440001962472E-2</v>
      </c>
      <c r="AT48" s="192">
        <v>91</v>
      </c>
      <c r="AU48" s="175">
        <v>4.5980989923563458</v>
      </c>
      <c r="AV48" s="127">
        <v>0.45310997576498024</v>
      </c>
      <c r="AW48" s="194">
        <v>0.16833684876510319</v>
      </c>
      <c r="AX48" s="92">
        <v>7.9224593447702413E-2</v>
      </c>
      <c r="AY48" s="194">
        <v>0.12241270647410191</v>
      </c>
      <c r="AZ48" s="92">
        <v>7.0838928709016535E-2</v>
      </c>
      <c r="BA48" s="194">
        <v>0.45049427126516611</v>
      </c>
      <c r="BB48" s="92">
        <v>0.10213535343131562</v>
      </c>
      <c r="BC48" s="194">
        <v>0.25875617349562874</v>
      </c>
      <c r="BD48" s="92">
        <v>9.0982744923628969E-2</v>
      </c>
    </row>
    <row r="49" spans="1:56" ht="27" customHeight="1">
      <c r="A49" s="40" t="s">
        <v>542</v>
      </c>
      <c r="B49" s="49">
        <v>173</v>
      </c>
      <c r="C49" s="79">
        <v>4.7731158875165223</v>
      </c>
      <c r="D49" s="80">
        <v>0.27473633101479394</v>
      </c>
      <c r="E49" s="193">
        <v>0.2386244711933215</v>
      </c>
      <c r="F49" s="89">
        <v>6.4612836407383897E-2</v>
      </c>
      <c r="G49" s="193">
        <v>0.12555910965209285</v>
      </c>
      <c r="H49" s="89">
        <v>5.1213391754195058E-2</v>
      </c>
      <c r="I49" s="193">
        <v>0.62925721355283537</v>
      </c>
      <c r="J49" s="89">
        <v>7.2725655536910239E-2</v>
      </c>
      <c r="K49" s="193">
        <v>6.5592056017503477E-3</v>
      </c>
      <c r="L49" s="89">
        <v>1.9827932914900592E-2</v>
      </c>
      <c r="M49" s="49">
        <v>173</v>
      </c>
      <c r="N49" s="79">
        <v>3.8347529773329465</v>
      </c>
      <c r="O49" s="80">
        <v>0.28913159938167649</v>
      </c>
      <c r="P49" s="193">
        <v>0.40093034477300499</v>
      </c>
      <c r="Q49" s="89">
        <v>7.3741616018227887E-2</v>
      </c>
      <c r="R49" s="193">
        <v>0.1594776999425859</v>
      </c>
      <c r="S49" s="89">
        <v>5.6092390973272219E-2</v>
      </c>
      <c r="T49" s="193">
        <v>0.37231046426315795</v>
      </c>
      <c r="U49" s="89">
        <v>7.2785419073684271E-2</v>
      </c>
      <c r="V49" s="193">
        <v>6.7281491021250764E-2</v>
      </c>
      <c r="W49" s="89">
        <v>4.0090893595432081E-2</v>
      </c>
      <c r="X49" s="49">
        <v>173</v>
      </c>
      <c r="Y49" s="79">
        <v>3.5264388406639942</v>
      </c>
      <c r="Z49" s="80">
        <v>0.27384556570950436</v>
      </c>
      <c r="AA49" s="193">
        <v>0.50315697755593702</v>
      </c>
      <c r="AB49" s="89">
        <v>7.5163171482194466E-2</v>
      </c>
      <c r="AC49" s="193">
        <v>0.17261253030944929</v>
      </c>
      <c r="AD49" s="89">
        <v>5.7755986777272547E-2</v>
      </c>
      <c r="AE49" s="193">
        <v>0.30515871921233712</v>
      </c>
      <c r="AF49" s="89">
        <v>6.9499150039648003E-2</v>
      </c>
      <c r="AG49" s="193">
        <v>1.9071772922276319E-2</v>
      </c>
      <c r="AH49" s="89">
        <v>2.561946268082858E-2</v>
      </c>
      <c r="AI49" s="49">
        <v>173</v>
      </c>
      <c r="AJ49" s="79">
        <v>5.3502480762161433</v>
      </c>
      <c r="AK49" s="80">
        <v>0.23272743526936487</v>
      </c>
      <c r="AL49" s="193">
        <v>0.10323856514024023</v>
      </c>
      <c r="AM49" s="89">
        <v>4.7446664674069737E-2</v>
      </c>
      <c r="AN49" s="193">
        <v>9.9490224610128811E-2</v>
      </c>
      <c r="AO49" s="89">
        <v>4.6761827277863093E-2</v>
      </c>
      <c r="AP49" s="193">
        <v>0.68916393640694185</v>
      </c>
      <c r="AQ49" s="89">
        <v>6.9836943418013483E-2</v>
      </c>
      <c r="AR49" s="193">
        <v>0.1081072738426892</v>
      </c>
      <c r="AS49" s="89">
        <v>4.8312336298667276E-2</v>
      </c>
      <c r="AT49" s="49">
        <v>160</v>
      </c>
      <c r="AU49" s="79">
        <v>4.4621999679984334</v>
      </c>
      <c r="AV49" s="80">
        <v>0.32322318691290503</v>
      </c>
      <c r="AW49" s="193">
        <v>0.21664629368934574</v>
      </c>
      <c r="AX49" s="89">
        <v>6.5066470070015911E-2</v>
      </c>
      <c r="AY49" s="193">
        <v>0.11072409150355203</v>
      </c>
      <c r="AZ49" s="89">
        <v>5.0790364904914398E-2</v>
      </c>
      <c r="BA49" s="193">
        <v>0.3990673010290971</v>
      </c>
      <c r="BB49" s="89">
        <v>7.6557562715606348E-2</v>
      </c>
      <c r="BC49" s="193">
        <v>0.2735623137780045</v>
      </c>
      <c r="BD49" s="89">
        <v>7.0051661101875995E-2</v>
      </c>
    </row>
    <row r="50" spans="1:56">
      <c r="A50" s="44" t="s">
        <v>547</v>
      </c>
      <c r="B50" s="192">
        <v>72</v>
      </c>
      <c r="C50" s="175">
        <v>5.290393018409647</v>
      </c>
      <c r="D50" s="127">
        <v>0.37859565725470828</v>
      </c>
      <c r="E50" s="194">
        <v>0.14904313242726902</v>
      </c>
      <c r="F50" s="92">
        <v>8.5671779796831382E-2</v>
      </c>
      <c r="G50" s="194">
        <v>7.9814473554622276E-2</v>
      </c>
      <c r="H50" s="92">
        <v>6.9411010060477271E-2</v>
      </c>
      <c r="I50" s="194">
        <v>0.75799022054549925</v>
      </c>
      <c r="J50" s="92">
        <v>0.10006915449426781</v>
      </c>
      <c r="K50" s="194">
        <v>1.3152173472609512E-2</v>
      </c>
      <c r="L50" s="92">
        <v>4.429101430916646E-2</v>
      </c>
      <c r="M50" s="192">
        <v>72</v>
      </c>
      <c r="N50" s="175">
        <v>4.5205271086585146</v>
      </c>
      <c r="O50" s="127">
        <v>0.40259122754620646</v>
      </c>
      <c r="P50" s="194">
        <v>0.24913078189415683</v>
      </c>
      <c r="Q50" s="92">
        <v>0.1009207804059762</v>
      </c>
      <c r="R50" s="194">
        <v>0.17856791136870201</v>
      </c>
      <c r="S50" s="92">
        <v>9.0980290556347182E-2</v>
      </c>
      <c r="T50" s="194">
        <v>0.51950872175964624</v>
      </c>
      <c r="U50" s="92">
        <v>0.11462947578076105</v>
      </c>
      <c r="V50" s="194">
        <v>5.2792584977495248E-2</v>
      </c>
      <c r="W50" s="92">
        <v>6.0915634641111806E-2</v>
      </c>
      <c r="X50" s="192">
        <v>72</v>
      </c>
      <c r="Y50" s="175">
        <v>4.2691787273470778</v>
      </c>
      <c r="Z50" s="127">
        <v>0.38043156149503599</v>
      </c>
      <c r="AA50" s="194">
        <v>0.35302515606648854</v>
      </c>
      <c r="AB50" s="92">
        <v>0.11017030121873767</v>
      </c>
      <c r="AC50" s="194">
        <v>0.18326654584837271</v>
      </c>
      <c r="AD50" s="92">
        <v>9.1755404999007306E-2</v>
      </c>
      <c r="AE50" s="194">
        <v>0.45055612461252942</v>
      </c>
      <c r="AF50" s="92">
        <v>0.11420338912843668</v>
      </c>
      <c r="AG50" s="194">
        <v>1.3152173472609512E-2</v>
      </c>
      <c r="AH50" s="92">
        <v>4.429101430916646E-2</v>
      </c>
      <c r="AI50" s="192">
        <v>72</v>
      </c>
      <c r="AJ50" s="175">
        <v>5.2605351996852159</v>
      </c>
      <c r="AK50" s="127">
        <v>0.34860800114389007</v>
      </c>
      <c r="AL50" s="194">
        <v>0.10512381639063109</v>
      </c>
      <c r="AM50" s="92">
        <v>7.6107354174352826E-2</v>
      </c>
      <c r="AN50" s="194">
        <v>0.12883744719629683</v>
      </c>
      <c r="AO50" s="92">
        <v>8.1550105208277615E-2</v>
      </c>
      <c r="AP50" s="194">
        <v>0.67298300118250698</v>
      </c>
      <c r="AQ50" s="92">
        <v>0.10837163003796731</v>
      </c>
      <c r="AR50" s="194">
        <v>9.3055735230565109E-2</v>
      </c>
      <c r="AS50" s="92">
        <v>7.3042738419703199E-2</v>
      </c>
      <c r="AT50" s="192">
        <v>70</v>
      </c>
      <c r="AU50" s="175">
        <v>4.8757803298860045</v>
      </c>
      <c r="AV50" s="127">
        <v>0.43243496620879285</v>
      </c>
      <c r="AW50" s="194">
        <v>0.14790042194734931</v>
      </c>
      <c r="AX50" s="92">
        <v>8.670118341884829E-2</v>
      </c>
      <c r="AY50" s="194">
        <v>9.8294692760243357E-2</v>
      </c>
      <c r="AZ50" s="92">
        <v>7.5554331524127383E-2</v>
      </c>
      <c r="BA50" s="194">
        <v>0.48119466088721063</v>
      </c>
      <c r="BB50" s="92">
        <v>0.11617404403189201</v>
      </c>
      <c r="BC50" s="194">
        <v>0.27261022440519711</v>
      </c>
      <c r="BD50" s="92">
        <v>0.10494082313629845</v>
      </c>
    </row>
    <row r="51" spans="1:56">
      <c r="A51" s="52" t="s">
        <v>548</v>
      </c>
      <c r="B51" s="191">
        <v>123</v>
      </c>
      <c r="C51" s="79">
        <v>5.8803809505985898</v>
      </c>
      <c r="D51" s="80">
        <v>0.24729240799097299</v>
      </c>
      <c r="E51" s="193">
        <v>5.8219987305146964E-2</v>
      </c>
      <c r="F51" s="89">
        <v>4.5913632895792561E-2</v>
      </c>
      <c r="G51" s="193">
        <v>9.5695925380618441E-2</v>
      </c>
      <c r="H51" s="89">
        <v>5.5179839457234252E-2</v>
      </c>
      <c r="I51" s="193">
        <v>0.83279868215205932</v>
      </c>
      <c r="J51" s="89">
        <v>6.7837661383445949E-2</v>
      </c>
      <c r="K51" s="193">
        <v>1.3285405162174847E-2</v>
      </c>
      <c r="L51" s="89">
        <v>2.9588346583333872E-2</v>
      </c>
      <c r="M51" s="191">
        <v>124</v>
      </c>
      <c r="N51" s="79">
        <v>5.1030284531395109</v>
      </c>
      <c r="O51" s="80">
        <v>0.34341445760678241</v>
      </c>
      <c r="P51" s="193">
        <v>0.11668807776803018</v>
      </c>
      <c r="Q51" s="89">
        <v>5.9190235609596867E-2</v>
      </c>
      <c r="R51" s="193">
        <v>0.15376596751221203</v>
      </c>
      <c r="S51" s="89">
        <v>6.5549909828083938E-2</v>
      </c>
      <c r="T51" s="193">
        <v>0.54694371195418523</v>
      </c>
      <c r="U51" s="89">
        <v>8.8021990833811833E-2</v>
      </c>
      <c r="V51" s="193">
        <v>0.18260224276557224</v>
      </c>
      <c r="W51" s="89">
        <v>6.9699492692270895E-2</v>
      </c>
      <c r="X51" s="191">
        <v>124</v>
      </c>
      <c r="Y51" s="79">
        <v>5.3104199199036826</v>
      </c>
      <c r="Z51" s="80">
        <v>0.29883032995669523</v>
      </c>
      <c r="AA51" s="193">
        <v>0.13552453968126149</v>
      </c>
      <c r="AB51" s="89">
        <v>6.2582584820608966E-2</v>
      </c>
      <c r="AC51" s="193">
        <v>0.11218144727377621</v>
      </c>
      <c r="AD51" s="89">
        <v>5.8322940885243188E-2</v>
      </c>
      <c r="AE51" s="193">
        <v>0.64847704092694292</v>
      </c>
      <c r="AF51" s="89">
        <v>8.4652022837587299E-2</v>
      </c>
      <c r="AG51" s="193">
        <v>0.10381697211801898</v>
      </c>
      <c r="AH51" s="89">
        <v>5.6650184292998527E-2</v>
      </c>
      <c r="AI51" s="191">
        <v>124</v>
      </c>
      <c r="AJ51" s="79">
        <v>5.7153101022284689</v>
      </c>
      <c r="AK51" s="80">
        <v>0.23712571265808266</v>
      </c>
      <c r="AL51" s="193">
        <v>3.474888789259218E-2</v>
      </c>
      <c r="AM51" s="89">
        <v>3.826661390257563E-2</v>
      </c>
      <c r="AN51" s="193">
        <v>0.17096931062816853</v>
      </c>
      <c r="AO51" s="89">
        <v>6.8099056135157238E-2</v>
      </c>
      <c r="AP51" s="193">
        <v>0.68230068944641231</v>
      </c>
      <c r="AQ51" s="89">
        <v>8.2691274542138399E-2</v>
      </c>
      <c r="AR51" s="193">
        <v>0.11198111203282655</v>
      </c>
      <c r="AS51" s="89">
        <v>5.8283849802747992E-2</v>
      </c>
      <c r="AT51" s="191">
        <v>121</v>
      </c>
      <c r="AU51" s="79">
        <v>5.58854657178391</v>
      </c>
      <c r="AV51" s="80">
        <v>0.29580455934568062</v>
      </c>
      <c r="AW51" s="193">
        <v>7.2066105530143629E-2</v>
      </c>
      <c r="AX51" s="89">
        <v>5.0089588296844498E-2</v>
      </c>
      <c r="AY51" s="193">
        <v>0.1035771841997298</v>
      </c>
      <c r="AZ51" s="89">
        <v>5.7339883660208091E-2</v>
      </c>
      <c r="BA51" s="193">
        <v>0.60050261080989575</v>
      </c>
      <c r="BB51" s="89">
        <v>8.7733292492720702E-2</v>
      </c>
      <c r="BC51" s="193">
        <v>0.22385409946023063</v>
      </c>
      <c r="BD51" s="89">
        <v>7.5587464492134632E-2</v>
      </c>
    </row>
    <row r="52" spans="1:56">
      <c r="A52" s="44" t="s">
        <v>549</v>
      </c>
      <c r="B52" s="192">
        <v>103</v>
      </c>
      <c r="C52" s="175">
        <v>5.2878921267481811</v>
      </c>
      <c r="D52" s="127">
        <v>0.32310516414869361</v>
      </c>
      <c r="E52" s="194">
        <v>0.18301792230604974</v>
      </c>
      <c r="F52" s="92">
        <v>7.658464047949437E-2</v>
      </c>
      <c r="G52" s="194">
        <v>8.3064879021835625E-2</v>
      </c>
      <c r="H52" s="92">
        <v>5.7654845316179155E-2</v>
      </c>
      <c r="I52" s="194">
        <v>0.72420218327432762</v>
      </c>
      <c r="J52" s="92">
        <v>8.7204000852000391E-2</v>
      </c>
      <c r="K52" s="194">
        <v>9.7150153977879298E-3</v>
      </c>
      <c r="L52" s="92">
        <v>3.192104294856668E-2</v>
      </c>
      <c r="M52" s="192">
        <v>101</v>
      </c>
      <c r="N52" s="175">
        <v>4.2279235215070301</v>
      </c>
      <c r="O52" s="127">
        <v>0.3925019797099954</v>
      </c>
      <c r="P52" s="194">
        <v>0.37548170626749339</v>
      </c>
      <c r="Q52" s="92">
        <v>9.4748591995219039E-2</v>
      </c>
      <c r="R52" s="194">
        <v>0.11539270926378425</v>
      </c>
      <c r="S52" s="92">
        <v>6.5649245614101001E-2</v>
      </c>
      <c r="T52" s="194">
        <v>0.43111032963142037</v>
      </c>
      <c r="U52" s="92">
        <v>9.6729157421140535E-2</v>
      </c>
      <c r="V52" s="194">
        <v>7.8015254837303191E-2</v>
      </c>
      <c r="W52" s="92">
        <v>5.6983798350823157E-2</v>
      </c>
      <c r="X52" s="192">
        <v>102</v>
      </c>
      <c r="Y52" s="175">
        <v>4.0255022979833504</v>
      </c>
      <c r="Z52" s="127">
        <v>0.39797467053047275</v>
      </c>
      <c r="AA52" s="194">
        <v>0.42369983363202607</v>
      </c>
      <c r="AB52" s="92">
        <v>9.6075710960485936E-2</v>
      </c>
      <c r="AC52" s="194">
        <v>0.10404874432275051</v>
      </c>
      <c r="AD52" s="92">
        <v>6.2896023624256753E-2</v>
      </c>
      <c r="AE52" s="194">
        <v>0.44489700121024084</v>
      </c>
      <c r="AF52" s="92">
        <v>9.6580886730668461E-2</v>
      </c>
      <c r="AG52" s="194">
        <v>2.7354420834983718E-2</v>
      </c>
      <c r="AH52" s="92">
        <v>4.0351267849601816E-2</v>
      </c>
      <c r="AI52" s="192">
        <v>101</v>
      </c>
      <c r="AJ52" s="175">
        <v>5.149520559538793</v>
      </c>
      <c r="AK52" s="127">
        <v>0.36139396852129146</v>
      </c>
      <c r="AL52" s="194">
        <v>0.17051636351233543</v>
      </c>
      <c r="AM52" s="92">
        <v>7.548047597002458E-2</v>
      </c>
      <c r="AN52" s="194">
        <v>6.7405041368380589E-2</v>
      </c>
      <c r="AO52" s="92">
        <v>5.4106836596969028E-2</v>
      </c>
      <c r="AP52" s="194">
        <v>0.62913571499112297</v>
      </c>
      <c r="AQ52" s="92">
        <v>9.4530483056267448E-2</v>
      </c>
      <c r="AR52" s="194">
        <v>0.13294288012816202</v>
      </c>
      <c r="AS52" s="92">
        <v>6.9099998354144113E-2</v>
      </c>
      <c r="AT52" s="192">
        <v>98</v>
      </c>
      <c r="AU52" s="175">
        <v>5.270097343298052</v>
      </c>
      <c r="AV52" s="127">
        <v>0.38137782247826219</v>
      </c>
      <c r="AW52" s="194">
        <v>9.7392578610915409E-2</v>
      </c>
      <c r="AX52" s="92">
        <v>6.2738530683565219E-2</v>
      </c>
      <c r="AY52" s="194">
        <v>8.0078333747699529E-2</v>
      </c>
      <c r="AZ52" s="92">
        <v>5.848571097664914E-2</v>
      </c>
      <c r="BA52" s="194">
        <v>0.58588968464414659</v>
      </c>
      <c r="BB52" s="92">
        <v>9.7656904087348437E-2</v>
      </c>
      <c r="BC52" s="194">
        <v>0.23663940299723932</v>
      </c>
      <c r="BD52" s="92">
        <v>8.5399737640038567E-2</v>
      </c>
    </row>
    <row r="53" spans="1:56">
      <c r="A53" s="52" t="s">
        <v>550</v>
      </c>
      <c r="B53" s="191">
        <v>133</v>
      </c>
      <c r="C53" s="79">
        <v>5.6833326708094551</v>
      </c>
      <c r="D53" s="80">
        <v>0.24896005039962926</v>
      </c>
      <c r="E53" s="193">
        <v>9.2373509584488853E-2</v>
      </c>
      <c r="F53" s="89">
        <v>5.2221240365711234E-2</v>
      </c>
      <c r="G53" s="193">
        <v>8.1401632828540849E-2</v>
      </c>
      <c r="H53" s="89">
        <v>4.9775591709175074E-2</v>
      </c>
      <c r="I53" s="193">
        <v>0.81911971762119717</v>
      </c>
      <c r="J53" s="89">
        <v>6.7059729711382188E-2</v>
      </c>
      <c r="K53" s="193">
        <v>7.1051399657729407E-3</v>
      </c>
      <c r="L53" s="89">
        <v>2.4781758556446681E-2</v>
      </c>
      <c r="M53" s="191">
        <v>133</v>
      </c>
      <c r="N53" s="79">
        <v>4.6141889480699732</v>
      </c>
      <c r="O53" s="80">
        <v>0.33326665999866639</v>
      </c>
      <c r="P53" s="193">
        <v>0.22948670690636985</v>
      </c>
      <c r="Q53" s="89">
        <v>7.2702435627581288E-2</v>
      </c>
      <c r="R53" s="193">
        <v>0.11724165707177234</v>
      </c>
      <c r="S53" s="89">
        <v>5.7165692304357196E-2</v>
      </c>
      <c r="T53" s="193">
        <v>0.50022604467652099</v>
      </c>
      <c r="U53" s="89">
        <v>8.5435757543180363E-2</v>
      </c>
      <c r="V53" s="193">
        <v>0.15304559134533691</v>
      </c>
      <c r="W53" s="89">
        <v>6.3141448271161679E-2</v>
      </c>
      <c r="X53" s="191">
        <v>133</v>
      </c>
      <c r="Y53" s="79">
        <v>4.497930380184048</v>
      </c>
      <c r="Z53" s="80">
        <v>0.33450705394468172</v>
      </c>
      <c r="AA53" s="193">
        <v>0.28851429487762059</v>
      </c>
      <c r="AB53" s="89">
        <v>7.7900819952487002E-2</v>
      </c>
      <c r="AC53" s="193">
        <v>0.12186730169508996</v>
      </c>
      <c r="AD53" s="89">
        <v>5.8006599939826993E-2</v>
      </c>
      <c r="AE53" s="193">
        <v>0.50522715188262612</v>
      </c>
      <c r="AF53" s="89">
        <v>8.5431365562905814E-2</v>
      </c>
      <c r="AG53" s="193">
        <v>8.4391251544663357E-2</v>
      </c>
      <c r="AH53" s="89">
        <v>5.0460241156877916E-2</v>
      </c>
      <c r="AI53" s="191">
        <v>132</v>
      </c>
      <c r="AJ53" s="79">
        <v>5.3862138660996175</v>
      </c>
      <c r="AK53" s="80">
        <v>0.27439829445423114</v>
      </c>
      <c r="AL53" s="193">
        <v>9.8538574675209198E-2</v>
      </c>
      <c r="AM53" s="89">
        <v>5.373408540118265E-2</v>
      </c>
      <c r="AN53" s="193">
        <v>0.12935423267427643</v>
      </c>
      <c r="AO53" s="89">
        <v>5.9553226661088497E-2</v>
      </c>
      <c r="AP53" s="193">
        <v>0.72154687841441456</v>
      </c>
      <c r="AQ53" s="89">
        <v>7.7414422910839539E-2</v>
      </c>
      <c r="AR53" s="193">
        <v>5.0560314236100024E-2</v>
      </c>
      <c r="AS53" s="89">
        <v>4.190723343714603E-2</v>
      </c>
      <c r="AT53" s="191">
        <v>132</v>
      </c>
      <c r="AU53" s="79">
        <v>5.317638662735801</v>
      </c>
      <c r="AV53" s="80">
        <v>0.3059311346991434</v>
      </c>
      <c r="AW53" s="193">
        <v>0.11139927414390877</v>
      </c>
      <c r="AX53" s="89">
        <v>5.6292778747737318E-2</v>
      </c>
      <c r="AY53" s="193">
        <v>0.11324199642657855</v>
      </c>
      <c r="AZ53" s="89">
        <v>5.6643305340855814E-2</v>
      </c>
      <c r="BA53" s="193">
        <v>0.54997751111812254</v>
      </c>
      <c r="BB53" s="89">
        <v>8.5344804842644159E-2</v>
      </c>
      <c r="BC53" s="193">
        <v>0.22538121831139016</v>
      </c>
      <c r="BD53" s="89">
        <v>7.2549271466383167E-2</v>
      </c>
    </row>
    <row r="54" spans="1:56">
      <c r="A54" s="44" t="s">
        <v>551</v>
      </c>
      <c r="B54" s="192">
        <v>124</v>
      </c>
      <c r="C54" s="175">
        <v>5.8411021595565495</v>
      </c>
      <c r="D54" s="127">
        <v>0.24034220759205399</v>
      </c>
      <c r="E54" s="194">
        <v>9.8714546637283004E-2</v>
      </c>
      <c r="F54" s="92">
        <v>5.5586954682480691E-2</v>
      </c>
      <c r="G54" s="194">
        <v>3.7206197414700999E-2</v>
      </c>
      <c r="H54" s="92">
        <v>3.9130738183920752E-2</v>
      </c>
      <c r="I54" s="194">
        <v>0.83759429010429287</v>
      </c>
      <c r="J54" s="92">
        <v>6.6858506283407018E-2</v>
      </c>
      <c r="K54" s="194">
        <v>2.6484965843723347E-2</v>
      </c>
      <c r="L54" s="92">
        <v>3.516838134584941E-2</v>
      </c>
      <c r="M54" s="192">
        <v>123</v>
      </c>
      <c r="N54" s="175">
        <v>4.8489805607827652</v>
      </c>
      <c r="O54" s="127">
        <v>0.34568905511786568</v>
      </c>
      <c r="P54" s="194">
        <v>0.18585004521288059</v>
      </c>
      <c r="Q54" s="92">
        <v>7.0415775384130658E-2</v>
      </c>
      <c r="R54" s="194">
        <v>0.11039189282032275</v>
      </c>
      <c r="S54" s="92">
        <v>5.8219459697623023E-2</v>
      </c>
      <c r="T54" s="194">
        <v>0.52398133701884531</v>
      </c>
      <c r="U54" s="92">
        <v>8.863986270681129E-2</v>
      </c>
      <c r="V54" s="194">
        <v>0.17977672494795108</v>
      </c>
      <c r="W54" s="92">
        <v>6.9602862072378827E-2</v>
      </c>
      <c r="X54" s="192">
        <v>124</v>
      </c>
      <c r="Y54" s="175">
        <v>4.8349596100692116</v>
      </c>
      <c r="Z54" s="127">
        <v>0.30070062407683873</v>
      </c>
      <c r="AA54" s="194">
        <v>0.22512990094036836</v>
      </c>
      <c r="AB54" s="92">
        <v>7.4811167295614114E-2</v>
      </c>
      <c r="AC54" s="194">
        <v>0.11064434086793427</v>
      </c>
      <c r="AD54" s="92">
        <v>5.802181439925095E-2</v>
      </c>
      <c r="AE54" s="194">
        <v>0.59056534163465857</v>
      </c>
      <c r="AF54" s="92">
        <v>8.7016977351918184E-2</v>
      </c>
      <c r="AG54" s="194">
        <v>7.3660416557038685E-2</v>
      </c>
      <c r="AH54" s="92">
        <v>4.9817603032972439E-2</v>
      </c>
      <c r="AI54" s="192">
        <v>123</v>
      </c>
      <c r="AJ54" s="175">
        <v>5.4129857545195295</v>
      </c>
      <c r="AK54" s="127">
        <v>0.28705471648522041</v>
      </c>
      <c r="AL54" s="194">
        <v>0.10513802710439196</v>
      </c>
      <c r="AM54" s="92">
        <v>5.7164173656805442E-2</v>
      </c>
      <c r="AN54" s="194">
        <v>0.10840058864003994</v>
      </c>
      <c r="AO54" s="92">
        <v>5.7823414643977264E-2</v>
      </c>
      <c r="AP54" s="194">
        <v>0.65186927792592042</v>
      </c>
      <c r="AQ54" s="92">
        <v>8.4809320259623525E-2</v>
      </c>
      <c r="AR54" s="194">
        <v>0.13459210632964766</v>
      </c>
      <c r="AS54" s="92">
        <v>6.268418765643749E-2</v>
      </c>
      <c r="AT54" s="192">
        <v>121</v>
      </c>
      <c r="AU54" s="175">
        <v>5.4260210824826665</v>
      </c>
      <c r="AV54" s="127">
        <v>0.27359984346383376</v>
      </c>
      <c r="AW54" s="194">
        <v>8.1016833326505278E-2</v>
      </c>
      <c r="AX54" s="92">
        <v>5.2309340577149796E-2</v>
      </c>
      <c r="AY54" s="194">
        <v>0.12691581074805197</v>
      </c>
      <c r="AZ54" s="92">
        <v>6.1857625250174228E-2</v>
      </c>
      <c r="BA54" s="194">
        <v>0.62418732631216034</v>
      </c>
      <c r="BB54" s="92">
        <v>8.6819123209702517E-2</v>
      </c>
      <c r="BC54" s="194">
        <v>0.16788002961328224</v>
      </c>
      <c r="BD54" s="92">
        <v>6.8502335023583355E-2</v>
      </c>
    </row>
    <row r="55" spans="1:56">
      <c r="A55" s="52" t="s">
        <v>543</v>
      </c>
      <c r="B55" s="191">
        <v>167</v>
      </c>
      <c r="C55" s="79">
        <v>5.9252655328265478</v>
      </c>
      <c r="D55" s="80">
        <v>0.18606764009270274</v>
      </c>
      <c r="E55" s="193">
        <v>5.8385983651963368E-2</v>
      </c>
      <c r="F55" s="89">
        <v>3.8690322081441589E-2</v>
      </c>
      <c r="G55" s="193">
        <v>6.7590145898898293E-2</v>
      </c>
      <c r="H55" s="89">
        <v>4.0944101057954325E-2</v>
      </c>
      <c r="I55" s="193">
        <v>0.84794337304567013</v>
      </c>
      <c r="J55" s="89">
        <v>5.6097868930431907E-2</v>
      </c>
      <c r="K55" s="193">
        <v>2.6080497403467913E-2</v>
      </c>
      <c r="L55" s="89">
        <v>2.8932265062021966E-2</v>
      </c>
      <c r="M55" s="191">
        <v>167</v>
      </c>
      <c r="N55" s="79">
        <v>5.0150776813201663</v>
      </c>
      <c r="O55" s="80">
        <v>0.29415504374723472</v>
      </c>
      <c r="P55" s="193">
        <v>0.17896936410849226</v>
      </c>
      <c r="Q55" s="89">
        <v>5.9570488037571707E-2</v>
      </c>
      <c r="R55" s="193">
        <v>6.9111450626275439E-2</v>
      </c>
      <c r="S55" s="89">
        <v>4.1300367614167145E-2</v>
      </c>
      <c r="T55" s="193">
        <v>0.51898850657012419</v>
      </c>
      <c r="U55" s="89">
        <v>7.6419297000946892E-2</v>
      </c>
      <c r="V55" s="193">
        <v>0.23293067869510747</v>
      </c>
      <c r="W55" s="89">
        <v>6.5243016628169337E-2</v>
      </c>
      <c r="X55" s="191">
        <v>168</v>
      </c>
      <c r="Y55" s="79">
        <v>5.0654764944055719</v>
      </c>
      <c r="Z55" s="80">
        <v>0.26279415308914106</v>
      </c>
      <c r="AA55" s="193">
        <v>0.17086935959309013</v>
      </c>
      <c r="AB55" s="89">
        <v>5.8399764826597707E-2</v>
      </c>
      <c r="AC55" s="193">
        <v>0.15002164193765177</v>
      </c>
      <c r="AD55" s="89">
        <v>5.5645446306940516E-2</v>
      </c>
      <c r="AE55" s="193">
        <v>0.59129456908847433</v>
      </c>
      <c r="AF55" s="89">
        <v>7.5026887329958727E-2</v>
      </c>
      <c r="AG55" s="193">
        <v>8.7814429380783002E-2</v>
      </c>
      <c r="AH55" s="89">
        <v>4.5216109752641398E-2</v>
      </c>
      <c r="AI55" s="191">
        <v>168</v>
      </c>
      <c r="AJ55" s="79">
        <v>5.8890394957334253</v>
      </c>
      <c r="AK55" s="80">
        <v>0.21161494328618852</v>
      </c>
      <c r="AL55" s="193">
        <v>4.0832875042758829E-2</v>
      </c>
      <c r="AM55" s="89">
        <v>3.3707972482219475E-2</v>
      </c>
      <c r="AN55" s="193">
        <v>7.696179177300011E-2</v>
      </c>
      <c r="AO55" s="89">
        <v>4.2934690478123108E-2</v>
      </c>
      <c r="AP55" s="193">
        <v>0.70207633949664638</v>
      </c>
      <c r="AQ55" s="89">
        <v>7.0056847912581793E-2</v>
      </c>
      <c r="AR55" s="193">
        <v>0.18012899368759436</v>
      </c>
      <c r="AS55" s="89">
        <v>5.9530362456947476E-2</v>
      </c>
      <c r="AT55" s="191">
        <v>162</v>
      </c>
      <c r="AU55" s="79">
        <v>5.3237764981918447</v>
      </c>
      <c r="AV55" s="80">
        <v>0.23798240256713091</v>
      </c>
      <c r="AW55" s="193">
        <v>5.3563133164117815E-2</v>
      </c>
      <c r="AX55" s="89">
        <v>3.8081555559797413E-2</v>
      </c>
      <c r="AY55" s="193">
        <v>0.10876465452801339</v>
      </c>
      <c r="AZ55" s="89">
        <v>5.01137646700879E-2</v>
      </c>
      <c r="BA55" s="193">
        <v>0.50210050994737609</v>
      </c>
      <c r="BB55" s="89">
        <v>7.7614400280041282E-2</v>
      </c>
      <c r="BC55" s="193">
        <v>0.33557170236049194</v>
      </c>
      <c r="BD55" s="89">
        <v>7.3509381138911756E-2</v>
      </c>
    </row>
    <row r="56" spans="1:56">
      <c r="A56" s="44" t="s">
        <v>544</v>
      </c>
      <c r="B56" s="192">
        <v>48</v>
      </c>
      <c r="C56" s="175">
        <v>5.8781082600242343</v>
      </c>
      <c r="D56" s="127">
        <v>0.37622462467659062</v>
      </c>
      <c r="E56" s="194">
        <v>6.2142391615384603E-2</v>
      </c>
      <c r="F56" s="92">
        <v>8.1637828613109253E-2</v>
      </c>
      <c r="G56" s="194">
        <v>6.6411608940070033E-2</v>
      </c>
      <c r="H56" s="92">
        <v>8.3117893217458813E-2</v>
      </c>
      <c r="I56" s="194">
        <v>0.85744283776529651</v>
      </c>
      <c r="J56" s="92">
        <v>0.10419464854413273</v>
      </c>
      <c r="K56" s="194">
        <v>1.4003161679248694E-2</v>
      </c>
      <c r="L56" s="92">
        <v>6.123526838337074E-2</v>
      </c>
      <c r="M56" s="192">
        <v>49</v>
      </c>
      <c r="N56" s="175">
        <v>5.0944578453054987</v>
      </c>
      <c r="O56" s="127">
        <v>0.59096223537241654</v>
      </c>
      <c r="P56" s="194">
        <v>0.1781344619024475</v>
      </c>
      <c r="Q56" s="92">
        <v>0.1103852033858494</v>
      </c>
      <c r="R56" s="194">
        <v>1.6741545461829731E-2</v>
      </c>
      <c r="S56" s="92">
        <v>6.1663826558764109E-2</v>
      </c>
      <c r="T56" s="194">
        <v>0.48847241384831347</v>
      </c>
      <c r="U56" s="92">
        <v>0.13732935647792982</v>
      </c>
      <c r="V56" s="194">
        <v>0.31665157878740924</v>
      </c>
      <c r="W56" s="92">
        <v>0.12922587717720732</v>
      </c>
      <c r="X56" s="192">
        <v>49</v>
      </c>
      <c r="Y56" s="175">
        <v>5.0980278023589296</v>
      </c>
      <c r="Z56" s="127">
        <v>0.46328453048388657</v>
      </c>
      <c r="AA56" s="194">
        <v>0.1699499796707416</v>
      </c>
      <c r="AB56" s="92">
        <v>0.10881496272249609</v>
      </c>
      <c r="AC56" s="194">
        <v>0.1885152483905532</v>
      </c>
      <c r="AD56" s="92">
        <v>0.11228990566304602</v>
      </c>
      <c r="AE56" s="194">
        <v>0.58311822188680285</v>
      </c>
      <c r="AF56" s="92">
        <v>0.13572859243172755</v>
      </c>
      <c r="AG56" s="194">
        <v>5.84165500519023E-2</v>
      </c>
      <c r="AH56" s="92">
        <v>7.9302008925090622E-2</v>
      </c>
      <c r="AI56" s="192">
        <v>49</v>
      </c>
      <c r="AJ56" s="175">
        <v>5.8447125685333594</v>
      </c>
      <c r="AK56" s="127">
        <v>0.39192146649225007</v>
      </c>
      <c r="AL56" s="194">
        <v>4.3015005715589451E-2</v>
      </c>
      <c r="AM56" s="92">
        <v>7.3457728130923439E-2</v>
      </c>
      <c r="AN56" s="194">
        <v>0.13904034510363819</v>
      </c>
      <c r="AO56" s="92">
        <v>0.10228804527443447</v>
      </c>
      <c r="AP56" s="194">
        <v>0.6477613351325856</v>
      </c>
      <c r="AQ56" s="92">
        <v>0.13213424694384865</v>
      </c>
      <c r="AR56" s="194">
        <v>0.17018331404818698</v>
      </c>
      <c r="AS56" s="92">
        <v>0.10886059265501857</v>
      </c>
      <c r="AT56" s="192">
        <v>47</v>
      </c>
      <c r="AU56" s="175">
        <v>5.3865244850406064</v>
      </c>
      <c r="AV56" s="127">
        <v>0.56310251681593859</v>
      </c>
      <c r="AW56" s="194">
        <v>2.2165274866951242E-2</v>
      </c>
      <c r="AX56" s="92">
        <v>6.6323792451142852E-2</v>
      </c>
      <c r="AY56" s="194">
        <v>0.10646346919036181</v>
      </c>
      <c r="AZ56" s="92">
        <v>9.6393720154811721E-2</v>
      </c>
      <c r="BA56" s="194">
        <v>0.33864230077421453</v>
      </c>
      <c r="BB56" s="92">
        <v>0.13369196602104413</v>
      </c>
      <c r="BC56" s="194">
        <v>0.53272895516847241</v>
      </c>
      <c r="BD56" s="92">
        <v>0.13977299665304144</v>
      </c>
    </row>
    <row r="57" spans="1:56">
      <c r="A57" s="52" t="s">
        <v>552</v>
      </c>
      <c r="B57" s="191">
        <v>119</v>
      </c>
      <c r="C57" s="79">
        <v>5.945002740783087</v>
      </c>
      <c r="D57" s="80">
        <v>0.21328450409662281</v>
      </c>
      <c r="E57" s="193">
        <v>5.6840954970723841E-2</v>
      </c>
      <c r="F57" s="89">
        <v>4.6390247704594094E-2</v>
      </c>
      <c r="G57" s="193">
        <v>6.807488382433706E-2</v>
      </c>
      <c r="H57" s="89">
        <v>4.9510558224406885E-2</v>
      </c>
      <c r="I57" s="193">
        <v>0.8440361974696502</v>
      </c>
      <c r="J57" s="89">
        <v>6.7284661623122508E-2</v>
      </c>
      <c r="K57" s="193">
        <v>3.1047963735288512E-2</v>
      </c>
      <c r="L57" s="89">
        <v>3.7893685786208206E-2</v>
      </c>
      <c r="M57" s="191">
        <v>118</v>
      </c>
      <c r="N57" s="79">
        <v>4.9863321883250711</v>
      </c>
      <c r="O57" s="80">
        <v>0.34073594885498248</v>
      </c>
      <c r="P57" s="193">
        <v>0.1793244996726856</v>
      </c>
      <c r="Q57" s="89">
        <v>7.1011385190530435E-2</v>
      </c>
      <c r="R57" s="193">
        <v>9.138761145405612E-2</v>
      </c>
      <c r="S57" s="89">
        <v>5.545782548547129E-2</v>
      </c>
      <c r="T57" s="193">
        <v>0.53196888885594174</v>
      </c>
      <c r="U57" s="89">
        <v>9.0362459299505954E-2</v>
      </c>
      <c r="V57" s="193">
        <v>0.19731900001731564</v>
      </c>
      <c r="W57" s="89">
        <v>7.3393911339825646E-2</v>
      </c>
      <c r="X57" s="191">
        <v>119</v>
      </c>
      <c r="Y57" s="79">
        <v>5.0511282594081681</v>
      </c>
      <c r="Z57" s="80">
        <v>0.31967662218324711</v>
      </c>
      <c r="AA57" s="193">
        <v>0.17125662914160095</v>
      </c>
      <c r="AB57" s="89">
        <v>6.9573050679165915E-2</v>
      </c>
      <c r="AC57" s="193">
        <v>0.13380701593898531</v>
      </c>
      <c r="AD57" s="89">
        <v>6.3625596077955829E-2</v>
      </c>
      <c r="AE57" s="193">
        <v>0.59473868420594367</v>
      </c>
      <c r="AF57" s="89">
        <v>8.8639006005920867E-2</v>
      </c>
      <c r="AG57" s="193">
        <v>0.10019767071346941</v>
      </c>
      <c r="AH57" s="89">
        <v>5.713634372236339E-2</v>
      </c>
      <c r="AI57" s="191">
        <v>119</v>
      </c>
      <c r="AJ57" s="79">
        <v>5.9080348527162725</v>
      </c>
      <c r="AK57" s="80">
        <v>0.25268863526433588</v>
      </c>
      <c r="AL57" s="193">
        <v>3.9913698171569631E-2</v>
      </c>
      <c r="AM57" s="89">
        <v>4.106884758501194E-2</v>
      </c>
      <c r="AN57" s="193">
        <v>5.0812500564701261E-2</v>
      </c>
      <c r="AO57" s="89">
        <v>4.4590428226298655E-2</v>
      </c>
      <c r="AP57" s="193">
        <v>0.7249553982036232</v>
      </c>
      <c r="AQ57" s="89">
        <v>8.1176897695037609E-2</v>
      </c>
      <c r="AR57" s="193">
        <v>0.18431840306010552</v>
      </c>
      <c r="AS57" s="89">
        <v>7.1390681635643841E-2</v>
      </c>
      <c r="AT57" s="191">
        <v>115</v>
      </c>
      <c r="AU57" s="79">
        <v>5.307445603628592</v>
      </c>
      <c r="AV57" s="80">
        <v>0.26373793329078138</v>
      </c>
      <c r="AW57" s="193">
        <v>6.661607022878295E-2</v>
      </c>
      <c r="AX57" s="89">
        <v>5.0073163550816778E-2</v>
      </c>
      <c r="AY57" s="193">
        <v>0.10972131937764135</v>
      </c>
      <c r="AZ57" s="89">
        <v>6.018187615396E-2</v>
      </c>
      <c r="BA57" s="193">
        <v>0.57005449893753235</v>
      </c>
      <c r="BB57" s="89">
        <v>9.0825670512980003E-2</v>
      </c>
      <c r="BC57" s="193">
        <v>0.25360811145604256</v>
      </c>
      <c r="BD57" s="89">
        <v>8.0607716796368661E-2</v>
      </c>
    </row>
    <row r="58" spans="1:56">
      <c r="A58" s="44" t="s">
        <v>545</v>
      </c>
      <c r="B58" s="192">
        <v>192</v>
      </c>
      <c r="C58" s="175">
        <v>4.3320883163881012</v>
      </c>
      <c r="D58" s="127">
        <v>0.2962121179315641</v>
      </c>
      <c r="E58" s="194">
        <v>0.34032086669793793</v>
      </c>
      <c r="F58" s="92">
        <v>6.7843256644558175E-2</v>
      </c>
      <c r="G58" s="194">
        <v>0.17942318227838402</v>
      </c>
      <c r="H58" s="92">
        <v>5.5582697068901669E-2</v>
      </c>
      <c r="I58" s="194">
        <v>0.47616472264899107</v>
      </c>
      <c r="J58" s="92">
        <v>7.1350647713117374E-2</v>
      </c>
      <c r="K58" s="194">
        <v>4.0912283746861108E-3</v>
      </c>
      <c r="L58" s="92">
        <v>1.6909024187358724E-2</v>
      </c>
      <c r="M58" s="192">
        <v>191</v>
      </c>
      <c r="N58" s="175">
        <v>3.4596743168015758</v>
      </c>
      <c r="O58" s="127">
        <v>0.3059502722495156</v>
      </c>
      <c r="P58" s="194">
        <v>0.45482428978995254</v>
      </c>
      <c r="Q58" s="92">
        <v>7.1330508945011056E-2</v>
      </c>
      <c r="R58" s="194">
        <v>0.14417344691316139</v>
      </c>
      <c r="S58" s="92">
        <v>5.1346694712589423E-2</v>
      </c>
      <c r="T58" s="194">
        <v>0.24580789128801467</v>
      </c>
      <c r="U58" s="92">
        <v>6.2101653560746123E-2</v>
      </c>
      <c r="V58" s="194">
        <v>0.15519437200887029</v>
      </c>
      <c r="W58" s="92">
        <v>5.280571622759743E-2</v>
      </c>
      <c r="X58" s="192">
        <v>191</v>
      </c>
      <c r="Y58" s="175">
        <v>3.2415775620781258</v>
      </c>
      <c r="Z58" s="127">
        <v>0.29120974515109882</v>
      </c>
      <c r="AA58" s="194">
        <v>0.57480487246145717</v>
      </c>
      <c r="AB58" s="92">
        <v>7.0838414393900914E-2</v>
      </c>
      <c r="AC58" s="194">
        <v>0.13065070507872822</v>
      </c>
      <c r="AD58" s="92">
        <v>4.9431718138076897E-2</v>
      </c>
      <c r="AE58" s="194">
        <v>0.2393617065166849</v>
      </c>
      <c r="AF58" s="92">
        <v>6.1573564535609623E-2</v>
      </c>
      <c r="AG58" s="194">
        <v>5.5182715943128749E-2</v>
      </c>
      <c r="AH58" s="92">
        <v>3.5132499541329611E-2</v>
      </c>
      <c r="AI58" s="192">
        <v>190</v>
      </c>
      <c r="AJ58" s="175">
        <v>5.2486001871615633</v>
      </c>
      <c r="AK58" s="127">
        <v>0.24092028682607539</v>
      </c>
      <c r="AL58" s="194">
        <v>0.12880887915673614</v>
      </c>
      <c r="AM58" s="92">
        <v>4.9291964972460967E-2</v>
      </c>
      <c r="AN58" s="194">
        <v>0.10824207029107388</v>
      </c>
      <c r="AO58" s="92">
        <v>4.603658672306124E-2</v>
      </c>
      <c r="AP58" s="194">
        <v>0.63973666896168024</v>
      </c>
      <c r="AQ58" s="92">
        <v>6.9054075922734562E-2</v>
      </c>
      <c r="AR58" s="194">
        <v>0.12321238159050898</v>
      </c>
      <c r="AS58" s="92">
        <v>4.8444914857377883E-2</v>
      </c>
      <c r="AT58" s="192">
        <v>166</v>
      </c>
      <c r="AU58" s="175">
        <v>4.8608954518376546</v>
      </c>
      <c r="AV58" s="127">
        <v>0.31646367848755991</v>
      </c>
      <c r="AW58" s="194">
        <v>0.10922800555249396</v>
      </c>
      <c r="AX58" s="92">
        <v>4.9562490295365205E-2</v>
      </c>
      <c r="AY58" s="194">
        <v>0.16177152582267801</v>
      </c>
      <c r="AZ58" s="92">
        <v>5.75830087896924E-2</v>
      </c>
      <c r="BA58" s="194">
        <v>0.41696565776695566</v>
      </c>
      <c r="BB58" s="92">
        <v>7.5681365713040169E-2</v>
      </c>
      <c r="BC58" s="194">
        <v>0.31203481085787127</v>
      </c>
      <c r="BD58" s="92">
        <v>7.1342118320190231E-2</v>
      </c>
    </row>
    <row r="61" spans="1:56" ht="18.75">
      <c r="A61" s="337" t="s">
        <v>412</v>
      </c>
      <c r="B61" s="337"/>
      <c r="C61" s="337"/>
      <c r="D61" s="337"/>
    </row>
    <row r="62" spans="1:56" ht="101.25" customHeight="1">
      <c r="A62" s="391" t="s">
        <v>414</v>
      </c>
      <c r="B62" s="391"/>
      <c r="C62" s="391"/>
      <c r="D62" s="391"/>
    </row>
    <row r="63" spans="1:56" ht="52.5" customHeight="1">
      <c r="A63" s="412" t="s">
        <v>413</v>
      </c>
      <c r="B63" s="339"/>
      <c r="C63" s="339"/>
      <c r="D63" s="339"/>
    </row>
    <row r="64" spans="1:56" ht="72">
      <c r="A64" s="32" t="s">
        <v>71</v>
      </c>
      <c r="B64" s="33" t="s">
        <v>72</v>
      </c>
      <c r="C64" s="34" t="s">
        <v>589</v>
      </c>
      <c r="D64" s="35" t="s">
        <v>73</v>
      </c>
    </row>
    <row r="65" spans="1:4" ht="72">
      <c r="A65" s="36"/>
      <c r="B65" s="37" t="s">
        <v>74</v>
      </c>
      <c r="C65" s="123" t="s">
        <v>304</v>
      </c>
      <c r="D65" s="39" t="s">
        <v>76</v>
      </c>
    </row>
    <row r="66" spans="1:4">
      <c r="A66" s="40" t="s">
        <v>350</v>
      </c>
      <c r="B66" s="161">
        <v>13378</v>
      </c>
      <c r="C66" s="162">
        <v>4.6058382743290247</v>
      </c>
      <c r="D66" s="81">
        <v>2.841324988712805E-2</v>
      </c>
    </row>
    <row r="67" spans="1:4">
      <c r="A67" s="44" t="s">
        <v>351</v>
      </c>
      <c r="B67" s="44">
        <v>9798</v>
      </c>
      <c r="C67" s="164">
        <v>3.8991512701747868</v>
      </c>
      <c r="D67" s="82">
        <v>3.1300090940843274E-2</v>
      </c>
    </row>
    <row r="68" spans="1:4">
      <c r="A68" s="40" t="s">
        <v>352</v>
      </c>
      <c r="B68" s="48">
        <v>3580</v>
      </c>
      <c r="C68" s="162">
        <v>5.1791687404784188</v>
      </c>
      <c r="D68" s="81">
        <v>4.3236509349918018E-2</v>
      </c>
    </row>
    <row r="69" spans="1:4">
      <c r="A69" s="44" t="s">
        <v>534</v>
      </c>
      <c r="B69" s="44">
        <v>1817</v>
      </c>
      <c r="C69" s="164">
        <v>4.4864269905946577</v>
      </c>
      <c r="D69" s="82">
        <v>7.8888583757850655E-2</v>
      </c>
    </row>
    <row r="70" spans="1:4">
      <c r="A70" s="40" t="s">
        <v>535</v>
      </c>
      <c r="B70" s="48">
        <v>1482</v>
      </c>
      <c r="C70" s="162">
        <v>4.20956290973563</v>
      </c>
      <c r="D70" s="81">
        <v>8.6238546201575839E-2</v>
      </c>
    </row>
    <row r="71" spans="1:4">
      <c r="A71" s="44" t="s">
        <v>546</v>
      </c>
      <c r="B71" s="44">
        <v>338</v>
      </c>
      <c r="C71" s="164">
        <v>5.3569211702547817</v>
      </c>
      <c r="D71" s="82">
        <v>0.13053635494397509</v>
      </c>
    </row>
    <row r="72" spans="1:4">
      <c r="A72" s="40" t="s">
        <v>536</v>
      </c>
      <c r="B72" s="48">
        <v>286</v>
      </c>
      <c r="C72" s="162">
        <v>3.4280579115894687</v>
      </c>
      <c r="D72" s="81">
        <v>0.17814539844664876</v>
      </c>
    </row>
    <row r="73" spans="1:4">
      <c r="A73" s="44" t="s">
        <v>537</v>
      </c>
      <c r="B73" s="44">
        <v>85</v>
      </c>
      <c r="C73" s="164">
        <v>2.8708026492169565</v>
      </c>
      <c r="D73" s="82">
        <v>0.30982660626801745</v>
      </c>
    </row>
    <row r="74" spans="1:4">
      <c r="A74" s="40" t="s">
        <v>538</v>
      </c>
      <c r="B74" s="48">
        <v>88</v>
      </c>
      <c r="C74" s="162">
        <v>3.5133054864711122</v>
      </c>
      <c r="D74" s="81">
        <v>0.30886928482728399</v>
      </c>
    </row>
    <row r="75" spans="1:4">
      <c r="A75" s="44" t="s">
        <v>539</v>
      </c>
      <c r="B75" s="44">
        <v>95</v>
      </c>
      <c r="C75" s="164">
        <v>3.7614208626210597</v>
      </c>
      <c r="D75" s="82">
        <v>0.33409023873369775</v>
      </c>
    </row>
    <row r="76" spans="1:4">
      <c r="A76" s="40" t="s">
        <v>540</v>
      </c>
      <c r="B76" s="161">
        <v>111</v>
      </c>
      <c r="C76" s="162">
        <v>3.5097715685889845</v>
      </c>
      <c r="D76" s="81">
        <v>0.27607308959399213</v>
      </c>
    </row>
    <row r="77" spans="1:4">
      <c r="A77" s="44" t="s">
        <v>541</v>
      </c>
      <c r="B77" s="163">
        <v>104</v>
      </c>
      <c r="C77" s="164">
        <v>3.6079537353254292</v>
      </c>
      <c r="D77" s="82">
        <v>0.2869118743145368</v>
      </c>
    </row>
    <row r="78" spans="1:4">
      <c r="A78" s="40" t="s">
        <v>542</v>
      </c>
      <c r="B78" s="78">
        <v>165</v>
      </c>
      <c r="C78" s="162">
        <v>3.3771655354815326</v>
      </c>
      <c r="D78" s="81">
        <v>0.22943437612551948</v>
      </c>
    </row>
    <row r="79" spans="1:4">
      <c r="A79" s="44" t="s">
        <v>547</v>
      </c>
      <c r="B79" s="163">
        <v>66</v>
      </c>
      <c r="C79" s="164">
        <v>3.8329623719124601</v>
      </c>
      <c r="D79" s="82">
        <v>0.32290695064985769</v>
      </c>
    </row>
    <row r="80" spans="1:4">
      <c r="A80" s="52" t="s">
        <v>548</v>
      </c>
      <c r="B80" s="161">
        <v>118</v>
      </c>
      <c r="C80" s="162">
        <v>5.0158546401245268</v>
      </c>
      <c r="D80" s="81">
        <v>0.26369279838710635</v>
      </c>
    </row>
    <row r="81" spans="1:25">
      <c r="A81" s="44" t="s">
        <v>549</v>
      </c>
      <c r="B81" s="163">
        <v>98</v>
      </c>
      <c r="C81" s="164">
        <v>4.0427985912803441</v>
      </c>
      <c r="D81" s="82">
        <v>0.34434009800309839</v>
      </c>
    </row>
    <row r="82" spans="1:25">
      <c r="A82" s="52" t="s">
        <v>550</v>
      </c>
      <c r="B82" s="161">
        <v>130</v>
      </c>
      <c r="C82" s="162">
        <v>4.8773606718182627</v>
      </c>
      <c r="D82" s="81">
        <v>0.27718347427155049</v>
      </c>
    </row>
    <row r="83" spans="1:25">
      <c r="A83" s="44" t="s">
        <v>551</v>
      </c>
      <c r="B83" s="163">
        <v>120</v>
      </c>
      <c r="C83" s="164">
        <v>5.0850174292197892</v>
      </c>
      <c r="D83" s="82">
        <v>0.24602270207165941</v>
      </c>
    </row>
    <row r="84" spans="1:25">
      <c r="A84" s="52" t="s">
        <v>543</v>
      </c>
      <c r="B84" s="161">
        <v>161</v>
      </c>
      <c r="C84" s="162">
        <v>4.3158599852750035</v>
      </c>
      <c r="D84" s="81">
        <v>0.22371532004634914</v>
      </c>
    </row>
    <row r="85" spans="1:25">
      <c r="A85" s="44" t="s">
        <v>544</v>
      </c>
      <c r="B85" s="163">
        <v>48</v>
      </c>
      <c r="C85" s="164">
        <v>4.2655703523050352</v>
      </c>
      <c r="D85" s="82">
        <v>0.36439786062410301</v>
      </c>
    </row>
    <row r="86" spans="1:25">
      <c r="A86" s="52" t="s">
        <v>552</v>
      </c>
      <c r="B86" s="161">
        <v>113</v>
      </c>
      <c r="C86" s="162">
        <v>4.3378421735704285</v>
      </c>
      <c r="D86" s="81">
        <v>0.27953775769356981</v>
      </c>
    </row>
    <row r="87" spans="1:25">
      <c r="A87" s="44" t="s">
        <v>545</v>
      </c>
      <c r="B87" s="163">
        <v>185</v>
      </c>
      <c r="C87" s="164">
        <v>3.5238203145918163</v>
      </c>
      <c r="D87" s="82">
        <v>0.24307410544670852</v>
      </c>
    </row>
    <row r="90" spans="1:25" ht="18.75">
      <c r="A90" s="418" t="s">
        <v>509</v>
      </c>
      <c r="B90" s="418"/>
      <c r="C90" s="418"/>
      <c r="D90" s="418"/>
      <c r="E90" s="418"/>
      <c r="F90" s="418"/>
      <c r="G90" s="418"/>
      <c r="H90" s="418"/>
      <c r="I90" s="418"/>
      <c r="J90" s="418"/>
      <c r="K90" s="418"/>
      <c r="L90" s="418"/>
      <c r="M90" s="418"/>
      <c r="N90" s="418"/>
      <c r="O90" s="418"/>
      <c r="P90" s="418"/>
      <c r="Q90" s="418"/>
      <c r="R90" s="418"/>
      <c r="S90" s="418"/>
      <c r="T90" s="418"/>
      <c r="U90" s="418"/>
      <c r="V90" s="418"/>
      <c r="W90" s="418"/>
      <c r="X90" s="311"/>
      <c r="Y90" s="311"/>
    </row>
    <row r="91" spans="1:25" ht="56.25" customHeight="1">
      <c r="A91" s="420" t="s">
        <v>593</v>
      </c>
      <c r="B91" s="420"/>
      <c r="C91" s="420"/>
      <c r="D91" s="420"/>
      <c r="E91" s="420"/>
      <c r="F91" s="420"/>
      <c r="G91" s="420"/>
      <c r="H91" s="420"/>
      <c r="I91" s="420"/>
      <c r="J91" s="420"/>
      <c r="K91" s="420"/>
      <c r="L91" s="420"/>
      <c r="M91" s="420"/>
      <c r="N91" s="420"/>
      <c r="O91" s="420"/>
      <c r="P91" s="420"/>
      <c r="Q91" s="420"/>
      <c r="R91" s="420"/>
      <c r="S91" s="420"/>
      <c r="T91" s="420"/>
      <c r="U91" s="420"/>
      <c r="V91" s="420"/>
      <c r="W91" s="420"/>
      <c r="X91" s="311"/>
      <c r="Y91" s="311"/>
    </row>
    <row r="92" spans="1:25" ht="36" customHeight="1">
      <c r="A92" s="59"/>
      <c r="B92" s="398" t="s">
        <v>415</v>
      </c>
      <c r="C92" s="399"/>
      <c r="D92" s="399"/>
      <c r="E92" s="399"/>
      <c r="F92" s="399"/>
      <c r="G92" s="399"/>
      <c r="H92" s="399"/>
      <c r="I92" s="399"/>
      <c r="J92" s="399"/>
      <c r="K92" s="399"/>
      <c r="L92" s="403"/>
      <c r="M92" s="398" t="s">
        <v>416</v>
      </c>
      <c r="N92" s="399"/>
      <c r="O92" s="399"/>
      <c r="P92" s="399"/>
      <c r="Q92" s="399"/>
      <c r="R92" s="399"/>
      <c r="S92" s="399"/>
      <c r="T92" s="399"/>
      <c r="U92" s="399"/>
      <c r="V92" s="399"/>
      <c r="W92" s="399"/>
    </row>
    <row r="93" spans="1:25" ht="41.25" customHeight="1">
      <c r="A93" s="32" t="s">
        <v>71</v>
      </c>
      <c r="B93" s="33" t="s">
        <v>72</v>
      </c>
      <c r="C93" s="34" t="s">
        <v>589</v>
      </c>
      <c r="D93" s="35" t="s">
        <v>73</v>
      </c>
      <c r="E93" s="33" t="s">
        <v>312</v>
      </c>
      <c r="F93" s="84" t="s">
        <v>143</v>
      </c>
      <c r="G93" s="33" t="s">
        <v>313</v>
      </c>
      <c r="H93" s="84" t="s">
        <v>144</v>
      </c>
      <c r="I93" s="33" t="s">
        <v>314</v>
      </c>
      <c r="J93" s="84" t="s">
        <v>117</v>
      </c>
      <c r="K93" s="33" t="s">
        <v>301</v>
      </c>
      <c r="L93" s="84" t="s">
        <v>315</v>
      </c>
      <c r="M93" s="60" t="s">
        <v>72</v>
      </c>
      <c r="N93" s="61" t="s">
        <v>589</v>
      </c>
      <c r="O93" s="62" t="s">
        <v>73</v>
      </c>
      <c r="P93" s="60" t="s">
        <v>312</v>
      </c>
      <c r="Q93" s="83" t="s">
        <v>143</v>
      </c>
      <c r="R93" s="60" t="s">
        <v>316</v>
      </c>
      <c r="S93" s="83" t="s">
        <v>317</v>
      </c>
      <c r="T93" s="60" t="s">
        <v>314</v>
      </c>
      <c r="U93" s="83" t="s">
        <v>117</v>
      </c>
      <c r="V93" s="60" t="s">
        <v>301</v>
      </c>
      <c r="W93" s="83" t="s">
        <v>315</v>
      </c>
    </row>
    <row r="94" spans="1:25" ht="72">
      <c r="A94" s="36"/>
      <c r="B94" s="37" t="s">
        <v>74</v>
      </c>
      <c r="C94" s="123" t="s">
        <v>304</v>
      </c>
      <c r="D94" s="39" t="s">
        <v>76</v>
      </c>
      <c r="E94" s="37" t="s">
        <v>159</v>
      </c>
      <c r="F94" s="86" t="s">
        <v>88</v>
      </c>
      <c r="G94" s="37" t="s">
        <v>160</v>
      </c>
      <c r="H94" s="86" t="s">
        <v>88</v>
      </c>
      <c r="I94" s="37" t="s">
        <v>161</v>
      </c>
      <c r="J94" s="86" t="s">
        <v>88</v>
      </c>
      <c r="K94" s="37" t="s">
        <v>301</v>
      </c>
      <c r="L94" s="86" t="s">
        <v>88</v>
      </c>
      <c r="M94" s="63" t="s">
        <v>74</v>
      </c>
      <c r="N94" s="254" t="s">
        <v>304</v>
      </c>
      <c r="O94" s="65" t="s">
        <v>76</v>
      </c>
      <c r="P94" s="63" t="s">
        <v>159</v>
      </c>
      <c r="Q94" s="85" t="s">
        <v>88</v>
      </c>
      <c r="R94" s="63" t="s">
        <v>160</v>
      </c>
      <c r="S94" s="85" t="s">
        <v>88</v>
      </c>
      <c r="T94" s="63" t="s">
        <v>161</v>
      </c>
      <c r="U94" s="85" t="s">
        <v>88</v>
      </c>
      <c r="V94" s="63" t="s">
        <v>301</v>
      </c>
      <c r="W94" s="85" t="s">
        <v>88</v>
      </c>
    </row>
    <row r="95" spans="1:25">
      <c r="A95" s="40" t="s">
        <v>350</v>
      </c>
      <c r="B95" s="312">
        <v>13765</v>
      </c>
      <c r="C95" s="313">
        <v>4.6218854932024618</v>
      </c>
      <c r="D95" s="314">
        <v>2.9541683813995363E-2</v>
      </c>
      <c r="E95" s="315">
        <v>0.23907028799581004</v>
      </c>
      <c r="F95" s="316">
        <v>7.2704463901309612E-3</v>
      </c>
      <c r="G95" s="315">
        <v>0.17044209525032281</v>
      </c>
      <c r="H95" s="316">
        <v>6.4104343685206268E-3</v>
      </c>
      <c r="I95" s="315">
        <v>0.5804295452051893</v>
      </c>
      <c r="J95" s="316">
        <v>8.4112269517187949E-3</v>
      </c>
      <c r="K95" s="315">
        <v>1.0058071548694003E-2</v>
      </c>
      <c r="L95" s="314">
        <v>1.7126203741847147E-3</v>
      </c>
      <c r="M95" s="312">
        <v>13843</v>
      </c>
      <c r="N95" s="313">
        <v>4.5967103240332383</v>
      </c>
      <c r="O95" s="315">
        <v>3.5405588152114864E-2</v>
      </c>
      <c r="P95" s="315">
        <v>0.28846712963972082</v>
      </c>
      <c r="Q95" s="316">
        <v>7.7006102684024046E-3</v>
      </c>
      <c r="R95" s="315">
        <v>0.12828613840063616</v>
      </c>
      <c r="S95" s="316">
        <v>5.6856997465847305E-3</v>
      </c>
      <c r="T95" s="315">
        <v>0.56647253136033926</v>
      </c>
      <c r="U95" s="316">
        <v>8.4227157461731327E-3</v>
      </c>
      <c r="V95" s="315">
        <v>1.6774200599319375E-2</v>
      </c>
      <c r="W95" s="316">
        <v>2.191636005694597E-3</v>
      </c>
    </row>
    <row r="96" spans="1:25">
      <c r="A96" s="44" t="s">
        <v>351</v>
      </c>
      <c r="B96" s="44">
        <v>10100</v>
      </c>
      <c r="C96" s="175">
        <v>4.1695425903581356</v>
      </c>
      <c r="D96" s="127">
        <v>3.4448295583078915E-2</v>
      </c>
      <c r="E96" s="194">
        <v>0.34152122855695283</v>
      </c>
      <c r="F96" s="92">
        <v>9.4358768663867273E-3</v>
      </c>
      <c r="G96" s="194">
        <v>0.17469114921658968</v>
      </c>
      <c r="H96" s="92">
        <v>7.5570651502053941E-3</v>
      </c>
      <c r="I96" s="194">
        <v>0.47687708375163623</v>
      </c>
      <c r="J96" s="92">
        <v>9.9377666432826899E-3</v>
      </c>
      <c r="K96" s="194">
        <v>6.9105384748209594E-3</v>
      </c>
      <c r="L96" s="127">
        <v>1.6712430268018129E-3</v>
      </c>
      <c r="M96" s="44">
        <v>10165</v>
      </c>
      <c r="N96" s="175">
        <v>3.639621827302848</v>
      </c>
      <c r="O96" s="194">
        <v>3.8735524108903331E-2</v>
      </c>
      <c r="P96" s="194">
        <v>0.48496814217650475</v>
      </c>
      <c r="Q96" s="92">
        <v>9.9120772612238204E-3</v>
      </c>
      <c r="R96" s="194">
        <v>0.13199811931886693</v>
      </c>
      <c r="S96" s="92">
        <v>6.7164047884303987E-3</v>
      </c>
      <c r="T96" s="194">
        <v>0.36314130167084047</v>
      </c>
      <c r="U96" s="92">
        <v>9.5381482792795368E-3</v>
      </c>
      <c r="V96" s="194">
        <v>1.9892436833781689E-2</v>
      </c>
      <c r="W96" s="92">
        <v>2.7821573111958746E-3</v>
      </c>
    </row>
    <row r="97" spans="1:23">
      <c r="A97" s="40" t="s">
        <v>352</v>
      </c>
      <c r="B97" s="317">
        <v>3665</v>
      </c>
      <c r="C97" s="313">
        <v>4.9927410243324486</v>
      </c>
      <c r="D97" s="314">
        <v>4.8905180471125187E-2</v>
      </c>
      <c r="E97" s="315">
        <v>0.15555860522907791</v>
      </c>
      <c r="F97" s="316">
        <v>1.1978843463844795E-2</v>
      </c>
      <c r="G97" s="315">
        <v>0.16697852873793584</v>
      </c>
      <c r="H97" s="316">
        <v>1.2325130483906727E-2</v>
      </c>
      <c r="I97" s="315">
        <v>0.66483911980992394</v>
      </c>
      <c r="J97" s="316">
        <v>1.558830091558025E-2</v>
      </c>
      <c r="K97" s="315">
        <v>1.2623746223063092E-2</v>
      </c>
      <c r="L97" s="314">
        <v>3.7620756571589628E-3</v>
      </c>
      <c r="M97" s="317">
        <v>3678</v>
      </c>
      <c r="N97" s="313">
        <v>5.3734788863316103</v>
      </c>
      <c r="O97" s="315">
        <v>5.1390986973733115E-2</v>
      </c>
      <c r="P97" s="315">
        <v>0.12806626381766983</v>
      </c>
      <c r="Q97" s="316">
        <v>1.1028859327793969E-2</v>
      </c>
      <c r="R97" s="315">
        <v>0.12525610336156179</v>
      </c>
      <c r="S97" s="316">
        <v>1.0925254393580393E-2</v>
      </c>
      <c r="T97" s="315">
        <v>0.73244880227012543</v>
      </c>
      <c r="U97" s="316">
        <v>1.4595203895135739E-2</v>
      </c>
      <c r="V97" s="315">
        <v>1.4228830550643858E-2</v>
      </c>
      <c r="W97" s="316">
        <v>3.9742243860208465E-3</v>
      </c>
    </row>
    <row r="98" spans="1:23">
      <c r="A98" s="44" t="s">
        <v>534</v>
      </c>
      <c r="B98" s="44">
        <v>1868</v>
      </c>
      <c r="C98" s="175">
        <v>4.6210299228202238</v>
      </c>
      <c r="D98" s="127">
        <v>7.8964289493978032E-2</v>
      </c>
      <c r="E98" s="194">
        <v>0.23346436137697107</v>
      </c>
      <c r="F98" s="92">
        <v>1.957136972599173E-2</v>
      </c>
      <c r="G98" s="194">
        <v>0.17758271852202198</v>
      </c>
      <c r="H98" s="92">
        <v>1.7692220582803897E-2</v>
      </c>
      <c r="I98" s="194">
        <v>0.58078478830179125</v>
      </c>
      <c r="J98" s="92">
        <v>2.281014534032778E-2</v>
      </c>
      <c r="K98" s="194">
        <v>8.1681317992181347E-3</v>
      </c>
      <c r="L98" s="127">
        <v>4.4178309125648199E-3</v>
      </c>
      <c r="M98" s="44">
        <v>1874</v>
      </c>
      <c r="N98" s="175">
        <v>4.3637773769161532</v>
      </c>
      <c r="O98" s="194">
        <v>9.9459436230615123E-2</v>
      </c>
      <c r="P98" s="194">
        <v>0.33515026281783133</v>
      </c>
      <c r="Q98" s="92">
        <v>2.1790961779522385E-2</v>
      </c>
      <c r="R98" s="194">
        <v>0.11794047024280546</v>
      </c>
      <c r="S98" s="92">
        <v>1.492984387185679E-2</v>
      </c>
      <c r="T98" s="194">
        <v>0.52654923856927593</v>
      </c>
      <c r="U98" s="92">
        <v>2.3043143188609307E-2</v>
      </c>
      <c r="V98" s="194">
        <v>2.0360028370090405E-2</v>
      </c>
      <c r="W98" s="92">
        <v>6.6758911422278014E-3</v>
      </c>
    </row>
    <row r="99" spans="1:23">
      <c r="A99" s="40" t="s">
        <v>535</v>
      </c>
      <c r="B99" s="317">
        <v>1527</v>
      </c>
      <c r="C99" s="313">
        <v>4.4611075232460609</v>
      </c>
      <c r="D99" s="314">
        <v>8.896975387143928E-2</v>
      </c>
      <c r="E99" s="315">
        <v>0.27282098935980026</v>
      </c>
      <c r="F99" s="316">
        <v>2.2782246767173962E-2</v>
      </c>
      <c r="G99" s="315">
        <v>0.1737196285488995</v>
      </c>
      <c r="H99" s="316">
        <v>1.9403022293496032E-2</v>
      </c>
      <c r="I99" s="315">
        <v>0.54568740450343212</v>
      </c>
      <c r="J99" s="316">
        <v>2.5450791591627858E-2</v>
      </c>
      <c r="K99" s="315">
        <v>7.7719775878673228E-3</v>
      </c>
      <c r="L99" s="314">
        <v>4.8426475176827641E-3</v>
      </c>
      <c r="M99" s="317">
        <v>1532</v>
      </c>
      <c r="N99" s="313">
        <v>3.9716580234671648</v>
      </c>
      <c r="O99" s="315">
        <v>0.10764977737605547</v>
      </c>
      <c r="P99" s="315">
        <v>0.41103170922275128</v>
      </c>
      <c r="Q99" s="316">
        <v>2.5110475454168266E-2</v>
      </c>
      <c r="R99" s="315">
        <v>0.12175950450969697</v>
      </c>
      <c r="S99" s="316">
        <v>1.6745513399112219E-2</v>
      </c>
      <c r="T99" s="315">
        <v>0.44409633574730117</v>
      </c>
      <c r="U99" s="316">
        <v>2.5356368175854668E-2</v>
      </c>
      <c r="V99" s="315">
        <v>2.3112450520250571E-2</v>
      </c>
      <c r="W99" s="316">
        <v>7.8662668260834675E-3</v>
      </c>
    </row>
    <row r="100" spans="1:23">
      <c r="A100" s="44" t="s">
        <v>546</v>
      </c>
      <c r="B100" s="44">
        <v>345</v>
      </c>
      <c r="C100" s="175">
        <v>5.1251990708636024</v>
      </c>
      <c r="D100" s="127">
        <v>0.14394572713168699</v>
      </c>
      <c r="E100" s="194">
        <v>0.11017263775491068</v>
      </c>
      <c r="F100" s="92">
        <v>3.4107215435262947E-2</v>
      </c>
      <c r="G100" s="194">
        <v>0.19075984491611708</v>
      </c>
      <c r="H100" s="92">
        <v>4.2358822525982373E-2</v>
      </c>
      <c r="I100" s="194">
        <v>0.6897212499802261</v>
      </c>
      <c r="J100" s="92">
        <v>4.9620473627455773E-2</v>
      </c>
      <c r="K100" s="194">
        <v>9.3462673487449341E-3</v>
      </c>
      <c r="L100" s="127">
        <v>1.3000203104082564E-2</v>
      </c>
      <c r="M100" s="44">
        <v>346</v>
      </c>
      <c r="N100" s="175">
        <v>5.6006736692439327</v>
      </c>
      <c r="O100" s="194">
        <v>0.1575680350430399</v>
      </c>
      <c r="P100" s="194">
        <v>9.3216764598197693E-2</v>
      </c>
      <c r="Q100" s="92">
        <v>3.176485344692518E-2</v>
      </c>
      <c r="R100" s="194">
        <v>0.10718651183403258</v>
      </c>
      <c r="S100" s="92">
        <v>3.3671407550231833E-2</v>
      </c>
      <c r="T100" s="194">
        <v>0.78799658539872786</v>
      </c>
      <c r="U100" s="92">
        <v>4.3940602955127653E-2</v>
      </c>
      <c r="V100" s="194">
        <v>1.1600138169040961E-2</v>
      </c>
      <c r="W100" s="92">
        <v>1.3892088139314149E-2</v>
      </c>
    </row>
    <row r="101" spans="1:23">
      <c r="A101" s="40" t="s">
        <v>536</v>
      </c>
      <c r="B101" s="317">
        <v>296</v>
      </c>
      <c r="C101" s="313">
        <v>3.9358486795143697</v>
      </c>
      <c r="D101" s="314">
        <v>0.20229155539165128</v>
      </c>
      <c r="E101" s="315">
        <v>0.40885459481213565</v>
      </c>
      <c r="F101" s="316">
        <v>5.6793493894665342E-2</v>
      </c>
      <c r="G101" s="315">
        <v>0.15210335340812128</v>
      </c>
      <c r="H101" s="316">
        <v>4.1979983884717374E-2</v>
      </c>
      <c r="I101" s="315">
        <v>0.43904205177974115</v>
      </c>
      <c r="J101" s="316">
        <v>5.7315798619551439E-2</v>
      </c>
      <c r="K101" s="315">
        <v>0</v>
      </c>
      <c r="L101" s="314">
        <v>9.3966108941626551E-3</v>
      </c>
      <c r="M101" s="317">
        <v>296</v>
      </c>
      <c r="N101" s="313">
        <v>2.9307887862751052</v>
      </c>
      <c r="O101" s="315">
        <v>0.21992682050095394</v>
      </c>
      <c r="P101" s="315">
        <v>0.62403183752577063</v>
      </c>
      <c r="Q101" s="316">
        <v>5.5978996729234745E-2</v>
      </c>
      <c r="R101" s="315">
        <v>0.10748262570008338</v>
      </c>
      <c r="S101" s="316">
        <v>3.6516891259966371E-2</v>
      </c>
      <c r="T101" s="315">
        <v>0.23470280613977257</v>
      </c>
      <c r="U101" s="316">
        <v>4.9191023006146979E-2</v>
      </c>
      <c r="V101" s="315">
        <v>3.3782730634370581E-2</v>
      </c>
      <c r="W101" s="316">
        <v>2.2627135337935266E-2</v>
      </c>
    </row>
    <row r="102" spans="1:23">
      <c r="A102" s="44" t="s">
        <v>537</v>
      </c>
      <c r="B102" s="44">
        <v>88</v>
      </c>
      <c r="C102" s="175">
        <v>3.3173988066263438</v>
      </c>
      <c r="D102" s="127">
        <v>0.37995927233960025</v>
      </c>
      <c r="E102" s="194">
        <v>0.54401585922420048</v>
      </c>
      <c r="F102" s="92">
        <v>0.10388693916490727</v>
      </c>
      <c r="G102" s="194">
        <v>0.18830833233582564</v>
      </c>
      <c r="H102" s="92">
        <v>8.3695261475249097E-2</v>
      </c>
      <c r="I102" s="194">
        <v>0.26767580843997402</v>
      </c>
      <c r="J102" s="92">
        <v>9.3394180099443641E-2</v>
      </c>
      <c r="K102" s="194">
        <v>0</v>
      </c>
      <c r="L102" s="127">
        <v>3.0407765486097187E-2</v>
      </c>
      <c r="M102" s="44">
        <v>88</v>
      </c>
      <c r="N102" s="175">
        <v>2.385742094089649</v>
      </c>
      <c r="O102" s="194">
        <v>0.35468281393461498</v>
      </c>
      <c r="P102" s="194">
        <v>0.74173648263023961</v>
      </c>
      <c r="Q102" s="92">
        <v>9.243903844869629E-2</v>
      </c>
      <c r="R102" s="194">
        <v>0.10724537008831687</v>
      </c>
      <c r="S102" s="92">
        <v>6.8798945774155545E-2</v>
      </c>
      <c r="T102" s="194">
        <v>0.10566342523764413</v>
      </c>
      <c r="U102" s="92">
        <v>6.8438028959032962E-2</v>
      </c>
      <c r="V102" s="194">
        <v>4.5354722043799492E-2</v>
      </c>
      <c r="W102" s="92">
        <v>5.1449022948798599E-2</v>
      </c>
    </row>
    <row r="103" spans="1:23">
      <c r="A103" s="40" t="s">
        <v>538</v>
      </c>
      <c r="B103" s="317">
        <v>89</v>
      </c>
      <c r="C103" s="313">
        <v>4.1737856602006138</v>
      </c>
      <c r="D103" s="314">
        <v>0.34622175962024182</v>
      </c>
      <c r="E103" s="315">
        <v>0.28834905831317981</v>
      </c>
      <c r="F103" s="316">
        <v>9.4805843293234465E-2</v>
      </c>
      <c r="G103" s="315">
        <v>0.20290951082769376</v>
      </c>
      <c r="H103" s="316">
        <v>8.5299335587122035E-2</v>
      </c>
      <c r="I103" s="315">
        <v>0.5087414308591266</v>
      </c>
      <c r="J103" s="316">
        <v>0.10368065510649077</v>
      </c>
      <c r="K103" s="315">
        <v>0</v>
      </c>
      <c r="L103" s="314">
        <v>3.0084393934100805E-2</v>
      </c>
      <c r="M103" s="317">
        <v>90</v>
      </c>
      <c r="N103" s="313">
        <v>2.8859708492608411</v>
      </c>
      <c r="O103" s="315">
        <v>0.3978893425170934</v>
      </c>
      <c r="P103" s="315">
        <v>0.65867725616961248</v>
      </c>
      <c r="Q103" s="316">
        <v>9.8265550877812066E-2</v>
      </c>
      <c r="R103" s="315">
        <v>6.5673733640820686E-2</v>
      </c>
      <c r="S103" s="316">
        <v>5.7268876910888854E-2</v>
      </c>
      <c r="T103" s="315">
        <v>0.25733576197397606</v>
      </c>
      <c r="U103" s="316">
        <v>9.133035830433188E-2</v>
      </c>
      <c r="V103" s="315">
        <v>1.8313248215590869E-2</v>
      </c>
      <c r="W103" s="316">
        <v>3.9842400958835067E-2</v>
      </c>
    </row>
    <row r="104" spans="1:23">
      <c r="A104" s="44" t="s">
        <v>539</v>
      </c>
      <c r="B104" s="44">
        <v>100</v>
      </c>
      <c r="C104" s="175">
        <v>4.1626666829595012</v>
      </c>
      <c r="D104" s="127">
        <v>0.36089040055413102</v>
      </c>
      <c r="E104" s="194">
        <v>0.43078855249518305</v>
      </c>
      <c r="F104" s="92">
        <v>9.7185621009978851E-2</v>
      </c>
      <c r="G104" s="194">
        <v>5.9469609996276318E-2</v>
      </c>
      <c r="H104" s="92">
        <v>5.2099803167018503E-2</v>
      </c>
      <c r="I104" s="194">
        <v>0.5097418375085413</v>
      </c>
      <c r="J104" s="92">
        <v>9.8040858137682541E-2</v>
      </c>
      <c r="K104" s="194">
        <v>0</v>
      </c>
      <c r="L104" s="127">
        <v>2.693364120714959E-2</v>
      </c>
      <c r="M104" s="44">
        <v>100</v>
      </c>
      <c r="N104" s="175">
        <v>3.3888890858111922</v>
      </c>
      <c r="O104" s="194">
        <v>0.41751909462600711</v>
      </c>
      <c r="P104" s="194">
        <v>0.51025637954491609</v>
      </c>
      <c r="Q104" s="92">
        <v>9.8038992019494259E-2</v>
      </c>
      <c r="R104" s="194">
        <v>0.13827417684155094</v>
      </c>
      <c r="S104" s="92">
        <v>7.0445263600399322E-2</v>
      </c>
      <c r="T104" s="194">
        <v>0.30939966689517373</v>
      </c>
      <c r="U104" s="92">
        <v>9.123348568232266E-2</v>
      </c>
      <c r="V104" s="194">
        <v>4.2069776718359819E-2</v>
      </c>
      <c r="W104" s="92">
        <v>4.6459444464908101E-2</v>
      </c>
    </row>
    <row r="105" spans="1:23">
      <c r="A105" s="40" t="s">
        <v>540</v>
      </c>
      <c r="B105" s="312">
        <v>113</v>
      </c>
      <c r="C105" s="313">
        <v>4.115183486322489</v>
      </c>
      <c r="D105" s="314">
        <v>0.31025319402774393</v>
      </c>
      <c r="E105" s="315">
        <v>0.31111798132107771</v>
      </c>
      <c r="F105" s="316">
        <v>8.607714623223213E-2</v>
      </c>
      <c r="G105" s="315">
        <v>0.24485206184676042</v>
      </c>
      <c r="H105" s="316">
        <v>8.0442101709246649E-2</v>
      </c>
      <c r="I105" s="315">
        <v>0.4440299568321619</v>
      </c>
      <c r="J105" s="316">
        <v>9.1908146409823824E-2</v>
      </c>
      <c r="K105" s="315">
        <v>0</v>
      </c>
      <c r="L105" s="314">
        <v>2.3967079753657358E-2</v>
      </c>
      <c r="M105" s="312">
        <v>114</v>
      </c>
      <c r="N105" s="313">
        <v>3.0129432508289598</v>
      </c>
      <c r="O105" s="315">
        <v>0.36284390223913304</v>
      </c>
      <c r="P105" s="315">
        <v>0.666741851575823</v>
      </c>
      <c r="Q105" s="316">
        <v>8.7148839265874772E-2</v>
      </c>
      <c r="R105" s="315">
        <v>6.969013297740223E-2</v>
      </c>
      <c r="S105" s="316">
        <v>5.1147613191040345E-2</v>
      </c>
      <c r="T105" s="315">
        <v>0.25397552516467792</v>
      </c>
      <c r="U105" s="316">
        <v>8.0990897456443459E-2</v>
      </c>
      <c r="V105" s="315">
        <v>9.5924902820969608E-3</v>
      </c>
      <c r="W105" s="316">
        <v>2.9417606956030681E-2</v>
      </c>
    </row>
    <row r="106" spans="1:23">
      <c r="A106" s="44" t="s">
        <v>541</v>
      </c>
      <c r="B106" s="192">
        <v>111</v>
      </c>
      <c r="C106" s="175">
        <v>3.8028110464745897</v>
      </c>
      <c r="D106" s="127">
        <v>0.31235955836591228</v>
      </c>
      <c r="E106" s="194">
        <v>0.3734915541535242</v>
      </c>
      <c r="F106" s="92">
        <v>9.0426929270302769E-2</v>
      </c>
      <c r="G106" s="194">
        <v>0.23703161860128749</v>
      </c>
      <c r="H106" s="92">
        <v>8.0341568082841472E-2</v>
      </c>
      <c r="I106" s="194">
        <v>0.38947682724518834</v>
      </c>
      <c r="J106" s="92">
        <v>9.1103307772065878E-2</v>
      </c>
      <c r="K106" s="194">
        <v>0</v>
      </c>
      <c r="L106" s="127">
        <v>2.4380210707016403E-2</v>
      </c>
      <c r="M106" s="192">
        <v>111</v>
      </c>
      <c r="N106" s="175">
        <v>3.3352847802227048</v>
      </c>
      <c r="O106" s="194">
        <v>0.3710217640821708</v>
      </c>
      <c r="P106" s="194">
        <v>0.48789771712422803</v>
      </c>
      <c r="Q106" s="92">
        <v>9.322502863001364E-2</v>
      </c>
      <c r="R106" s="194">
        <v>0.1497828996119161</v>
      </c>
      <c r="S106" s="92">
        <v>6.8710333069117197E-2</v>
      </c>
      <c r="T106" s="194">
        <v>0.30498763750510099</v>
      </c>
      <c r="U106" s="92">
        <v>8.6390362115832967E-2</v>
      </c>
      <c r="V106" s="194">
        <v>5.7331745758754972E-2</v>
      </c>
      <c r="W106" s="92">
        <v>4.8432618968636286E-2</v>
      </c>
    </row>
    <row r="107" spans="1:23" ht="27.75" customHeight="1">
      <c r="A107" s="40" t="s">
        <v>542</v>
      </c>
      <c r="B107" s="318">
        <v>170</v>
      </c>
      <c r="C107" s="313">
        <v>3.9109129823087012</v>
      </c>
      <c r="D107" s="314">
        <v>0.27428667991424732</v>
      </c>
      <c r="E107" s="315">
        <v>0.38331762006724551</v>
      </c>
      <c r="F107" s="316">
        <v>7.3813058992776431E-2</v>
      </c>
      <c r="G107" s="315">
        <v>0.18670039075211042</v>
      </c>
      <c r="H107" s="316">
        <v>5.9943350856579793E-2</v>
      </c>
      <c r="I107" s="315">
        <v>0.4237091481431719</v>
      </c>
      <c r="J107" s="316">
        <v>7.4962707938136863E-2</v>
      </c>
      <c r="K107" s="315">
        <v>6.2728410374713337E-3</v>
      </c>
      <c r="L107" s="314">
        <v>1.994954808537764E-2</v>
      </c>
      <c r="M107" s="318">
        <v>172</v>
      </c>
      <c r="N107" s="313">
        <v>2.9044469272653153</v>
      </c>
      <c r="O107" s="315">
        <v>0.28866314560567341</v>
      </c>
      <c r="P107" s="315">
        <v>0.60659687182881084</v>
      </c>
      <c r="Q107" s="316">
        <v>7.3723644411459663E-2</v>
      </c>
      <c r="R107" s="315">
        <v>0.138858910404492</v>
      </c>
      <c r="S107" s="316">
        <v>5.3393491950903142E-2</v>
      </c>
      <c r="T107" s="315">
        <v>0.22839033277433901</v>
      </c>
      <c r="U107" s="316">
        <v>6.3879031192221852E-2</v>
      </c>
      <c r="V107" s="315">
        <v>2.6153884992357671E-2</v>
      </c>
      <c r="W107" s="316">
        <v>2.8428458239514037E-2</v>
      </c>
    </row>
    <row r="108" spans="1:23">
      <c r="A108" s="44" t="s">
        <v>547</v>
      </c>
      <c r="B108" s="192">
        <v>70</v>
      </c>
      <c r="C108" s="175">
        <v>4.299315913508778</v>
      </c>
      <c r="D108" s="127">
        <v>0.40950040785632424</v>
      </c>
      <c r="E108" s="194">
        <v>0.256379977092689</v>
      </c>
      <c r="F108" s="92">
        <v>0.10316404272833629</v>
      </c>
      <c r="G108" s="194">
        <v>0.22576882651428079</v>
      </c>
      <c r="H108" s="92">
        <v>9.9378489878999415E-2</v>
      </c>
      <c r="I108" s="194">
        <v>0.50438778143337382</v>
      </c>
      <c r="J108" s="92">
        <v>0.11624363335915551</v>
      </c>
      <c r="K108" s="194">
        <v>1.3463414959656552E-2</v>
      </c>
      <c r="L108" s="127">
        <v>4.5429849887281736E-2</v>
      </c>
      <c r="M108" s="192">
        <v>72</v>
      </c>
      <c r="N108" s="175">
        <v>3.4730185755417913</v>
      </c>
      <c r="O108" s="194">
        <v>0.44322930650850945</v>
      </c>
      <c r="P108" s="194">
        <v>0.45806871337497912</v>
      </c>
      <c r="Q108" s="92">
        <v>0.1143452698231478</v>
      </c>
      <c r="R108" s="194">
        <v>0.14366316007555738</v>
      </c>
      <c r="S108" s="92">
        <v>8.4616226944868894E-2</v>
      </c>
      <c r="T108" s="194">
        <v>0.34378063173857565</v>
      </c>
      <c r="U108" s="92">
        <v>0.10956776329198985</v>
      </c>
      <c r="V108" s="194">
        <v>5.4487494810888194E-2</v>
      </c>
      <c r="W108" s="92">
        <v>6.1499497603395903E-2</v>
      </c>
    </row>
    <row r="109" spans="1:23">
      <c r="A109" s="52" t="s">
        <v>548</v>
      </c>
      <c r="B109" s="312">
        <v>123</v>
      </c>
      <c r="C109" s="313">
        <v>5.0974095716317978</v>
      </c>
      <c r="D109" s="314">
        <v>0.2788829801098488</v>
      </c>
      <c r="E109" s="315">
        <v>0.1416655218080819</v>
      </c>
      <c r="F109" s="316">
        <v>6.3879177476397694E-2</v>
      </c>
      <c r="G109" s="315">
        <v>0.15243896003140139</v>
      </c>
      <c r="H109" s="316">
        <v>6.5614204439262025E-2</v>
      </c>
      <c r="I109" s="315">
        <v>0.68779178430245269</v>
      </c>
      <c r="J109" s="316">
        <v>8.2656813864735251E-2</v>
      </c>
      <c r="K109" s="315">
        <v>1.8103733858063575E-2</v>
      </c>
      <c r="L109" s="314">
        <v>3.1833180419639277E-2</v>
      </c>
      <c r="M109" s="312">
        <v>124</v>
      </c>
      <c r="N109" s="313">
        <v>4.9514056956744614</v>
      </c>
      <c r="O109" s="315">
        <v>0.33807622985072844</v>
      </c>
      <c r="P109" s="315">
        <v>0.18964707784184132</v>
      </c>
      <c r="Q109" s="316">
        <v>7.062376896381227E-2</v>
      </c>
      <c r="R109" s="315">
        <v>0.1351975417861748</v>
      </c>
      <c r="S109" s="316">
        <v>6.2526683510071124E-2</v>
      </c>
      <c r="T109" s="315">
        <v>0.6401502699251389</v>
      </c>
      <c r="U109" s="316">
        <v>8.5067317321054589E-2</v>
      </c>
      <c r="V109" s="315">
        <v>3.5005110446844664E-2</v>
      </c>
      <c r="W109" s="316">
        <v>3.8357840447347795E-2</v>
      </c>
    </row>
    <row r="110" spans="1:23">
      <c r="A110" s="44" t="s">
        <v>549</v>
      </c>
      <c r="B110" s="192">
        <v>100</v>
      </c>
      <c r="C110" s="175">
        <v>4.3267695015191645</v>
      </c>
      <c r="D110" s="127">
        <v>0.32735491134210598</v>
      </c>
      <c r="E110" s="194">
        <v>0.32921491657405461</v>
      </c>
      <c r="F110" s="92">
        <v>9.2618523921826082E-2</v>
      </c>
      <c r="G110" s="194">
        <v>0.15324638318520323</v>
      </c>
      <c r="H110" s="92">
        <v>7.3073499517345292E-2</v>
      </c>
      <c r="I110" s="194">
        <v>0.51753870024074311</v>
      </c>
      <c r="J110" s="92">
        <v>9.8002276456265316E-2</v>
      </c>
      <c r="K110" s="194">
        <v>0</v>
      </c>
      <c r="L110" s="127">
        <v>2.693364120714959E-2</v>
      </c>
      <c r="M110" s="192">
        <v>102</v>
      </c>
      <c r="N110" s="175">
        <v>3.7643778938077306</v>
      </c>
      <c r="O110" s="194">
        <v>0.43291989414610482</v>
      </c>
      <c r="P110" s="194">
        <v>0.45979774340287405</v>
      </c>
      <c r="Q110" s="92">
        <v>9.6837435465689126E-2</v>
      </c>
      <c r="R110" s="194">
        <v>0.1687842331146405</v>
      </c>
      <c r="S110" s="92">
        <v>7.4838048161114251E-2</v>
      </c>
      <c r="T110" s="194">
        <v>0.36102157217563674</v>
      </c>
      <c r="U110" s="92">
        <v>9.3589877748579839E-2</v>
      </c>
      <c r="V110" s="194">
        <v>1.0396451306849762E-2</v>
      </c>
      <c r="W110" s="92">
        <v>3.2527759550963792E-2</v>
      </c>
    </row>
    <row r="111" spans="1:23">
      <c r="A111" s="52" t="s">
        <v>550</v>
      </c>
      <c r="B111" s="312">
        <v>131</v>
      </c>
      <c r="C111" s="313">
        <v>4.9136608225597307</v>
      </c>
      <c r="D111" s="314">
        <v>0.29226798964591016</v>
      </c>
      <c r="E111" s="315">
        <v>0.20497737228872123</v>
      </c>
      <c r="F111" s="316">
        <v>7.0562410529901448E-2</v>
      </c>
      <c r="G111" s="315">
        <v>0.13404257964935215</v>
      </c>
      <c r="H111" s="316">
        <v>6.0588197923412489E-2</v>
      </c>
      <c r="I111" s="315">
        <v>0.65380499803238579</v>
      </c>
      <c r="J111" s="316">
        <v>8.214262038816883E-2</v>
      </c>
      <c r="K111" s="315">
        <v>7.1750500295409622E-3</v>
      </c>
      <c r="L111" s="314">
        <v>2.512370652487252E-2</v>
      </c>
      <c r="M111" s="312">
        <v>132</v>
      </c>
      <c r="N111" s="313">
        <v>4.8371553430702381</v>
      </c>
      <c r="O111" s="315">
        <v>0.32058416018661384</v>
      </c>
      <c r="P111" s="315">
        <v>0.23846012801299438</v>
      </c>
      <c r="Q111" s="316">
        <v>7.3876175249487336E-2</v>
      </c>
      <c r="R111" s="315">
        <v>0.1221472739729423</v>
      </c>
      <c r="S111" s="316">
        <v>5.8284849394836198E-2</v>
      </c>
      <c r="T111" s="315">
        <v>0.63225062495089712</v>
      </c>
      <c r="U111" s="316">
        <v>8.287543437463292E-2</v>
      </c>
      <c r="V111" s="315">
        <v>7.1419730631663318E-3</v>
      </c>
      <c r="W111" s="316">
        <v>2.4952662895247103E-2</v>
      </c>
    </row>
    <row r="112" spans="1:23">
      <c r="A112" s="44" t="s">
        <v>551</v>
      </c>
      <c r="B112" s="192">
        <v>124</v>
      </c>
      <c r="C112" s="175">
        <v>5.0015753325426484</v>
      </c>
      <c r="D112" s="127">
        <v>0.27020992310676428</v>
      </c>
      <c r="E112" s="194">
        <v>0.16479928369736629</v>
      </c>
      <c r="F112" s="92">
        <v>6.721077473826248E-2</v>
      </c>
      <c r="G112" s="194">
        <v>0.14029933066156938</v>
      </c>
      <c r="H112" s="92">
        <v>6.3387600344284298E-2</v>
      </c>
      <c r="I112" s="194">
        <v>0.67042125782221751</v>
      </c>
      <c r="J112" s="92">
        <v>8.3431005365556324E-2</v>
      </c>
      <c r="K112" s="194">
        <v>2.4480127818846863E-2</v>
      </c>
      <c r="L112" s="127">
        <v>3.4365898104980232E-2</v>
      </c>
      <c r="M112" s="192">
        <v>123</v>
      </c>
      <c r="N112" s="175">
        <v>5.1939734798857087</v>
      </c>
      <c r="O112" s="194">
        <v>0.2906238082767813</v>
      </c>
      <c r="P112" s="194">
        <v>0.16649354984975281</v>
      </c>
      <c r="Q112" s="92">
        <v>6.773489493522826E-2</v>
      </c>
      <c r="R112" s="194">
        <v>7.4261149791397085E-2</v>
      </c>
      <c r="S112" s="92">
        <v>5.0191499468610713E-2</v>
      </c>
      <c r="T112" s="194">
        <v>0.74267639291333376</v>
      </c>
      <c r="U112" s="92">
        <v>7.8320856161659069E-2</v>
      </c>
      <c r="V112" s="194">
        <v>1.6568907445516215E-2</v>
      </c>
      <c r="W112" s="92">
        <v>3.1138075155078486E-2</v>
      </c>
    </row>
    <row r="113" spans="1:23">
      <c r="A113" s="52" t="s">
        <v>543</v>
      </c>
      <c r="B113" s="312">
        <v>166</v>
      </c>
      <c r="C113" s="313">
        <v>4.7387955736244951</v>
      </c>
      <c r="D113" s="314">
        <v>0.22035304320766591</v>
      </c>
      <c r="E113" s="315">
        <v>0.1753180582127204</v>
      </c>
      <c r="F113" s="316">
        <v>5.9306608643930621E-2</v>
      </c>
      <c r="G113" s="315">
        <v>0.22237455138764439</v>
      </c>
      <c r="H113" s="316">
        <v>6.444487643624254E-2</v>
      </c>
      <c r="I113" s="315">
        <v>0.60230739039963432</v>
      </c>
      <c r="J113" s="316">
        <v>7.5150039488799031E-2</v>
      </c>
      <c r="K113" s="315">
        <v>0</v>
      </c>
      <c r="L113" s="314">
        <v>1.6539647608348407E-2</v>
      </c>
      <c r="M113" s="312">
        <v>166</v>
      </c>
      <c r="N113" s="313">
        <v>3.8800400926576146</v>
      </c>
      <c r="O113" s="315">
        <v>0.28719049684284953</v>
      </c>
      <c r="P113" s="315">
        <v>0.42587267983117649</v>
      </c>
      <c r="Q113" s="316">
        <v>7.5888568447941049E-2</v>
      </c>
      <c r="R113" s="315">
        <v>0.17075898756074046</v>
      </c>
      <c r="S113" s="316">
        <v>5.8740005771101104E-2</v>
      </c>
      <c r="T113" s="315">
        <v>0.37562982757740654</v>
      </c>
      <c r="U113" s="316">
        <v>7.4399778572592792E-2</v>
      </c>
      <c r="V113" s="315">
        <v>2.7738505030675938E-2</v>
      </c>
      <c r="W113" s="316">
        <v>2.9641455760111977E-2</v>
      </c>
    </row>
    <row r="114" spans="1:23">
      <c r="A114" s="44" t="s">
        <v>544</v>
      </c>
      <c r="B114" s="192">
        <v>48</v>
      </c>
      <c r="C114" s="175">
        <v>4.9309324235757614</v>
      </c>
      <c r="D114" s="127">
        <v>0.38637033154336092</v>
      </c>
      <c r="E114" s="194">
        <v>0.1648643972592044</v>
      </c>
      <c r="F114" s="92">
        <v>0.10894561161538757</v>
      </c>
      <c r="G114" s="194">
        <v>0.23321797010808465</v>
      </c>
      <c r="H114" s="92">
        <v>0.12068899869097616</v>
      </c>
      <c r="I114" s="194">
        <v>0.60191763263271081</v>
      </c>
      <c r="J114" s="92">
        <v>0.13619820533499186</v>
      </c>
      <c r="K114" s="194">
        <v>0</v>
      </c>
      <c r="L114" s="127">
        <v>5.3336557329348951E-2</v>
      </c>
      <c r="M114" s="192">
        <v>48</v>
      </c>
      <c r="N114" s="175">
        <v>3.6002082810343081</v>
      </c>
      <c r="O114" s="194">
        <v>0.46671320689915113</v>
      </c>
      <c r="P114" s="194">
        <v>0.50852179456478719</v>
      </c>
      <c r="Q114" s="92">
        <v>0.13865788606003834</v>
      </c>
      <c r="R114" s="194">
        <v>0.21665136429940152</v>
      </c>
      <c r="S114" s="92">
        <v>0.11818832570811573</v>
      </c>
      <c r="T114" s="194">
        <v>0.27482684113581118</v>
      </c>
      <c r="U114" s="92">
        <v>0.12612493352458004</v>
      </c>
      <c r="V114" s="194">
        <v>0</v>
      </c>
      <c r="W114" s="92">
        <v>5.3336557329348951E-2</v>
      </c>
    </row>
    <row r="115" spans="1:23">
      <c r="A115" s="52" t="s">
        <v>552</v>
      </c>
      <c r="B115" s="312">
        <v>118</v>
      </c>
      <c r="C115" s="313">
        <v>4.6581684079900274</v>
      </c>
      <c r="D115" s="314">
        <v>0.26758429760555158</v>
      </c>
      <c r="E115" s="315">
        <v>0.17970477035773338</v>
      </c>
      <c r="F115" s="316">
        <v>7.1064005899924759E-2</v>
      </c>
      <c r="G115" s="315">
        <v>0.21782428361007558</v>
      </c>
      <c r="H115" s="316">
        <v>7.5858466354765314E-2</v>
      </c>
      <c r="I115" s="315">
        <v>0.60247094603219031</v>
      </c>
      <c r="J115" s="316">
        <v>8.8739249920916405E-2</v>
      </c>
      <c r="K115" s="315">
        <v>0</v>
      </c>
      <c r="L115" s="314">
        <v>2.2993012239943496E-2</v>
      </c>
      <c r="M115" s="312">
        <v>118</v>
      </c>
      <c r="N115" s="313">
        <v>4.0010939096313471</v>
      </c>
      <c r="O115" s="315">
        <v>0.35756897235580093</v>
      </c>
      <c r="P115" s="315">
        <v>0.3915230245551406</v>
      </c>
      <c r="Q115" s="316">
        <v>8.8520020790628651E-2</v>
      </c>
      <c r="R115" s="315">
        <v>0.15168573643334643</v>
      </c>
      <c r="S115" s="316">
        <v>6.6899079697689837E-2</v>
      </c>
      <c r="T115" s="315">
        <v>0.4175243819985151</v>
      </c>
      <c r="U115" s="316">
        <v>8.9376071886161298E-2</v>
      </c>
      <c r="V115" s="315">
        <v>3.926685701299696E-2</v>
      </c>
      <c r="W115" s="316">
        <v>4.1058316627845634E-2</v>
      </c>
    </row>
    <row r="116" spans="1:23">
      <c r="A116" s="44" t="s">
        <v>545</v>
      </c>
      <c r="B116" s="192">
        <v>189</v>
      </c>
      <c r="C116" s="175">
        <v>3.7771298062406702</v>
      </c>
      <c r="D116" s="127">
        <v>0.25948503529966671</v>
      </c>
      <c r="E116" s="194">
        <v>0.4335193895194342</v>
      </c>
      <c r="F116" s="92">
        <v>7.1368797527230521E-2</v>
      </c>
      <c r="G116" s="194">
        <v>0.16454193649380414</v>
      </c>
      <c r="H116" s="92">
        <v>5.4265532894020918E-2</v>
      </c>
      <c r="I116" s="194">
        <v>0.39729882954396095</v>
      </c>
      <c r="J116" s="92">
        <v>7.0510373663077497E-2</v>
      </c>
      <c r="K116" s="194">
        <v>4.6398444427999492E-3</v>
      </c>
      <c r="L116" s="127">
        <v>1.7445207257166005E-2</v>
      </c>
      <c r="M116" s="192">
        <v>188</v>
      </c>
      <c r="N116" s="175">
        <v>3.2557865705621625</v>
      </c>
      <c r="O116" s="194">
        <v>0.29561164926928735</v>
      </c>
      <c r="P116" s="194">
        <v>0.59703406176722762</v>
      </c>
      <c r="Q116" s="92">
        <v>7.0853813892388665E-2</v>
      </c>
      <c r="R116" s="194">
        <v>6.6975818227324166E-2</v>
      </c>
      <c r="S116" s="92">
        <v>3.8248526040953197E-2</v>
      </c>
      <c r="T116" s="194">
        <v>0.32423011791106249</v>
      </c>
      <c r="U116" s="92">
        <v>6.7758583873544859E-2</v>
      </c>
      <c r="V116" s="194">
        <v>1.1760002094385061E-2</v>
      </c>
      <c r="W116" s="92">
        <v>2.1139748611269455E-2</v>
      </c>
    </row>
    <row r="119" spans="1:23" ht="18.75">
      <c r="A119" s="337" t="s">
        <v>418</v>
      </c>
      <c r="B119" s="337"/>
      <c r="C119" s="337"/>
      <c r="D119" s="337"/>
    </row>
    <row r="120" spans="1:23" ht="123" customHeight="1">
      <c r="A120" s="391" t="s">
        <v>601</v>
      </c>
      <c r="B120" s="391"/>
      <c r="C120" s="391"/>
      <c r="D120" s="391"/>
    </row>
    <row r="121" spans="1:23" ht="15.75">
      <c r="A121" s="412" t="s">
        <v>419</v>
      </c>
      <c r="B121" s="339"/>
      <c r="C121" s="339"/>
      <c r="D121" s="339"/>
    </row>
    <row r="122" spans="1:23" ht="72">
      <c r="A122" s="32" t="s">
        <v>71</v>
      </c>
      <c r="B122" s="33" t="s">
        <v>72</v>
      </c>
      <c r="C122" s="34" t="s">
        <v>589</v>
      </c>
      <c r="D122" s="35" t="s">
        <v>73</v>
      </c>
    </row>
    <row r="123" spans="1:23" ht="72">
      <c r="A123" s="36"/>
      <c r="B123" s="37" t="s">
        <v>74</v>
      </c>
      <c r="C123" s="123" t="s">
        <v>304</v>
      </c>
      <c r="D123" s="39" t="s">
        <v>76</v>
      </c>
    </row>
    <row r="124" spans="1:23">
      <c r="A124" s="40" t="s">
        <v>350</v>
      </c>
      <c r="B124" s="161">
        <v>12483</v>
      </c>
      <c r="C124" s="162">
        <v>5.0549627128288224</v>
      </c>
      <c r="D124" s="81">
        <v>2.3991524523542411E-2</v>
      </c>
    </row>
    <row r="125" spans="1:23">
      <c r="A125" s="44" t="s">
        <v>351</v>
      </c>
      <c r="B125" s="44">
        <v>8844</v>
      </c>
      <c r="C125" s="164">
        <v>4.8992552294447611</v>
      </c>
      <c r="D125" s="82">
        <v>2.9705474198317244E-2</v>
      </c>
    </row>
    <row r="126" spans="1:23">
      <c r="A126" s="40" t="s">
        <v>352</v>
      </c>
      <c r="B126" s="48">
        <v>3639</v>
      </c>
      <c r="C126" s="162">
        <v>5.1803805066753794</v>
      </c>
      <c r="D126" s="81">
        <v>3.8200202057961007E-2</v>
      </c>
    </row>
    <row r="127" spans="1:23">
      <c r="A127" s="44" t="s">
        <v>534</v>
      </c>
      <c r="B127" s="44">
        <v>1726</v>
      </c>
      <c r="C127" s="164">
        <v>4.9810910507290931</v>
      </c>
      <c r="D127" s="82">
        <v>6.2563469625967524E-2</v>
      </c>
    </row>
    <row r="128" spans="1:23">
      <c r="A128" s="40" t="s">
        <v>535</v>
      </c>
      <c r="B128" s="48">
        <v>1388</v>
      </c>
      <c r="C128" s="162">
        <v>4.9332249829346031</v>
      </c>
      <c r="D128" s="81">
        <v>7.1357711652213204E-2</v>
      </c>
    </row>
    <row r="129" spans="1:4">
      <c r="A129" s="44" t="s">
        <v>546</v>
      </c>
      <c r="B129" s="44">
        <v>341</v>
      </c>
      <c r="C129" s="164">
        <v>5.1260517539794233</v>
      </c>
      <c r="D129" s="82">
        <v>0.12316553196944371</v>
      </c>
    </row>
    <row r="130" spans="1:4">
      <c r="A130" s="40" t="s">
        <v>536</v>
      </c>
      <c r="B130" s="48">
        <v>234</v>
      </c>
      <c r="C130" s="162">
        <v>4.634129510722425</v>
      </c>
      <c r="D130" s="81">
        <v>0.19400868345621941</v>
      </c>
    </row>
    <row r="131" spans="1:4">
      <c r="A131" s="44" t="s">
        <v>537</v>
      </c>
      <c r="B131" s="44">
        <v>58</v>
      </c>
      <c r="C131" s="164">
        <v>3.8774274609355599</v>
      </c>
      <c r="D131" s="82">
        <v>0.39072224319984911</v>
      </c>
    </row>
    <row r="132" spans="1:4">
      <c r="A132" s="40" t="s">
        <v>538</v>
      </c>
      <c r="B132" s="48">
        <v>75</v>
      </c>
      <c r="C132" s="162">
        <v>5.1052905872631111</v>
      </c>
      <c r="D132" s="81">
        <v>0.30549117688156857</v>
      </c>
    </row>
    <row r="133" spans="1:4">
      <c r="A133" s="44" t="s">
        <v>539</v>
      </c>
      <c r="B133" s="44">
        <v>84</v>
      </c>
      <c r="C133" s="164">
        <v>4.9993145801748788</v>
      </c>
      <c r="D133" s="82">
        <v>0.28349099217550583</v>
      </c>
    </row>
    <row r="134" spans="1:4">
      <c r="A134" s="40" t="s">
        <v>540</v>
      </c>
      <c r="B134" s="161">
        <v>103</v>
      </c>
      <c r="C134" s="162">
        <v>4.5238387696915394</v>
      </c>
      <c r="D134" s="81">
        <v>0.26965390172453041</v>
      </c>
    </row>
    <row r="135" spans="1:4">
      <c r="A135" s="44" t="s">
        <v>541</v>
      </c>
      <c r="B135" s="163">
        <v>92</v>
      </c>
      <c r="C135" s="164">
        <v>4.5576392791557367</v>
      </c>
      <c r="D135" s="82">
        <v>0.259658165262314</v>
      </c>
    </row>
    <row r="136" spans="1:4">
      <c r="A136" s="40" t="s">
        <v>542</v>
      </c>
      <c r="B136" s="78">
        <v>161</v>
      </c>
      <c r="C136" s="162">
        <v>4.38199656890255</v>
      </c>
      <c r="D136" s="81">
        <v>0.210103139273394</v>
      </c>
    </row>
    <row r="137" spans="1:4">
      <c r="A137" s="44" t="s">
        <v>547</v>
      </c>
      <c r="B137" s="163">
        <v>70</v>
      </c>
      <c r="C137" s="164">
        <v>4.7930480651035188</v>
      </c>
      <c r="D137" s="82">
        <v>0.26709411393829541</v>
      </c>
    </row>
    <row r="138" spans="1:4">
      <c r="A138" s="52" t="s">
        <v>548</v>
      </c>
      <c r="B138" s="161">
        <v>122</v>
      </c>
      <c r="C138" s="162">
        <v>5.4235871612699853</v>
      </c>
      <c r="D138" s="81">
        <v>0.18846023621049499</v>
      </c>
    </row>
    <row r="139" spans="1:4">
      <c r="A139" s="44" t="s">
        <v>549</v>
      </c>
      <c r="B139" s="163">
        <v>96</v>
      </c>
      <c r="C139" s="164">
        <v>4.7322447154483251</v>
      </c>
      <c r="D139" s="82">
        <v>0.27071365626932864</v>
      </c>
    </row>
    <row r="140" spans="1:4">
      <c r="A140" s="52" t="s">
        <v>550</v>
      </c>
      <c r="B140" s="161">
        <v>131</v>
      </c>
      <c r="C140" s="162">
        <v>4.9835492152629666</v>
      </c>
      <c r="D140" s="81">
        <v>0.22093218664254335</v>
      </c>
    </row>
    <row r="141" spans="1:4">
      <c r="A141" s="44" t="s">
        <v>551</v>
      </c>
      <c r="B141" s="163">
        <v>120</v>
      </c>
      <c r="C141" s="164">
        <v>5.2203025711375632</v>
      </c>
      <c r="D141" s="82">
        <v>0.2237377277217685</v>
      </c>
    </row>
    <row r="142" spans="1:4">
      <c r="A142" s="52" t="s">
        <v>543</v>
      </c>
      <c r="B142" s="161">
        <v>161</v>
      </c>
      <c r="C142" s="162">
        <v>5.4314756178037573</v>
      </c>
      <c r="D142" s="81">
        <v>0.16418555237951335</v>
      </c>
    </row>
    <row r="143" spans="1:4">
      <c r="A143" s="44" t="s">
        <v>544</v>
      </c>
      <c r="B143" s="163">
        <v>47</v>
      </c>
      <c r="C143" s="164">
        <v>5.7052138354982525</v>
      </c>
      <c r="D143" s="82">
        <v>0.26516506815110585</v>
      </c>
    </row>
    <row r="144" spans="1:4">
      <c r="A144" s="52" t="s">
        <v>552</v>
      </c>
      <c r="B144" s="161">
        <v>114</v>
      </c>
      <c r="C144" s="162">
        <v>5.3158946273690013</v>
      </c>
      <c r="D144" s="81">
        <v>0.20118380774397118</v>
      </c>
    </row>
    <row r="145" spans="1:34">
      <c r="A145" s="44" t="s">
        <v>545</v>
      </c>
      <c r="B145" s="163">
        <v>164</v>
      </c>
      <c r="C145" s="164">
        <v>4.8581146964235469</v>
      </c>
      <c r="D145" s="82">
        <v>0.19823122859215869</v>
      </c>
    </row>
    <row r="148" spans="1:34" ht="18.75">
      <c r="A148" s="337" t="s">
        <v>511</v>
      </c>
      <c r="B148" s="337"/>
      <c r="C148" s="337"/>
      <c r="D148" s="337"/>
      <c r="E148" s="337"/>
      <c r="F148" s="337"/>
      <c r="G148" s="337"/>
      <c r="H148" s="337"/>
      <c r="I148" s="337"/>
      <c r="J148" s="337"/>
      <c r="K148" s="337"/>
      <c r="L148" s="337"/>
      <c r="M148" s="337"/>
      <c r="N148" s="337"/>
      <c r="O148" s="337"/>
      <c r="P148" s="337"/>
      <c r="Q148" s="337"/>
      <c r="R148" s="337"/>
      <c r="S148" s="337"/>
      <c r="T148" s="337"/>
      <c r="U148" s="337"/>
      <c r="V148" s="337"/>
      <c r="W148" s="337"/>
      <c r="X148" s="337"/>
      <c r="Y148" s="337"/>
      <c r="Z148" s="337"/>
      <c r="AA148" s="337"/>
      <c r="AB148" s="337"/>
      <c r="AC148" s="337"/>
      <c r="AD148" s="337"/>
      <c r="AE148" s="337"/>
      <c r="AF148" s="337"/>
      <c r="AG148" s="337"/>
      <c r="AH148" s="337"/>
    </row>
    <row r="149" spans="1:34" ht="54" customHeight="1">
      <c r="A149" s="417" t="s">
        <v>532</v>
      </c>
      <c r="B149" s="417"/>
      <c r="C149" s="417"/>
      <c r="D149" s="417"/>
      <c r="E149" s="417"/>
      <c r="F149" s="417"/>
      <c r="G149" s="417"/>
      <c r="H149" s="417"/>
      <c r="I149" s="417"/>
      <c r="J149" s="417"/>
      <c r="K149" s="417"/>
      <c r="L149" s="417"/>
      <c r="M149" s="417"/>
      <c r="N149" s="417"/>
      <c r="O149" s="417"/>
      <c r="P149" s="417"/>
      <c r="Q149" s="417"/>
      <c r="R149" s="417"/>
      <c r="S149" s="417"/>
      <c r="T149" s="417"/>
      <c r="U149" s="417"/>
      <c r="V149" s="417"/>
      <c r="W149" s="417"/>
      <c r="X149" s="417"/>
      <c r="Y149" s="417"/>
      <c r="Z149" s="417"/>
      <c r="AA149" s="417"/>
      <c r="AB149" s="417"/>
      <c r="AC149" s="417"/>
      <c r="AD149" s="417"/>
      <c r="AE149" s="417"/>
      <c r="AF149" s="417"/>
      <c r="AG149" s="417"/>
      <c r="AH149" s="417"/>
    </row>
    <row r="150" spans="1:34" ht="37.5" customHeight="1">
      <c r="A150" s="59"/>
      <c r="B150" s="400" t="s">
        <v>237</v>
      </c>
      <c r="C150" s="401"/>
      <c r="D150" s="401"/>
      <c r="E150" s="401"/>
      <c r="F150" s="401"/>
      <c r="G150" s="401"/>
      <c r="H150" s="401"/>
      <c r="I150" s="401"/>
      <c r="J150" s="401"/>
      <c r="K150" s="401"/>
      <c r="L150" s="402"/>
      <c r="M150" s="400" t="s">
        <v>420</v>
      </c>
      <c r="N150" s="401"/>
      <c r="O150" s="401"/>
      <c r="P150" s="401"/>
      <c r="Q150" s="401"/>
      <c r="R150" s="401"/>
      <c r="S150" s="401"/>
      <c r="T150" s="401"/>
      <c r="U150" s="401"/>
      <c r="V150" s="401"/>
      <c r="W150" s="402"/>
      <c r="X150" s="400" t="s">
        <v>577</v>
      </c>
      <c r="Y150" s="401"/>
      <c r="Z150" s="401"/>
      <c r="AA150" s="401"/>
      <c r="AB150" s="401"/>
      <c r="AC150" s="401"/>
      <c r="AD150" s="401"/>
      <c r="AE150" s="401"/>
      <c r="AF150" s="401"/>
      <c r="AG150" s="401"/>
      <c r="AH150" s="402"/>
    </row>
    <row r="151" spans="1:34" ht="39" customHeight="1">
      <c r="A151" s="32" t="s">
        <v>71</v>
      </c>
      <c r="B151" s="33" t="s">
        <v>72</v>
      </c>
      <c r="C151" s="34" t="s">
        <v>589</v>
      </c>
      <c r="D151" s="35" t="s">
        <v>73</v>
      </c>
      <c r="E151" s="33" t="s">
        <v>312</v>
      </c>
      <c r="F151" s="84" t="s">
        <v>143</v>
      </c>
      <c r="G151" s="33" t="s">
        <v>313</v>
      </c>
      <c r="H151" s="84" t="s">
        <v>144</v>
      </c>
      <c r="I151" s="33" t="s">
        <v>314</v>
      </c>
      <c r="J151" s="84" t="s">
        <v>117</v>
      </c>
      <c r="K151" s="33" t="s">
        <v>301</v>
      </c>
      <c r="L151" s="84" t="s">
        <v>315</v>
      </c>
      <c r="M151" s="60" t="s">
        <v>72</v>
      </c>
      <c r="N151" s="61" t="s">
        <v>589</v>
      </c>
      <c r="O151" s="62" t="s">
        <v>73</v>
      </c>
      <c r="P151" s="60" t="s">
        <v>312</v>
      </c>
      <c r="Q151" s="83" t="s">
        <v>143</v>
      </c>
      <c r="R151" s="60" t="s">
        <v>313</v>
      </c>
      <c r="S151" s="83" t="s">
        <v>144</v>
      </c>
      <c r="T151" s="60" t="s">
        <v>314</v>
      </c>
      <c r="U151" s="83" t="s">
        <v>117</v>
      </c>
      <c r="V151" s="60" t="s">
        <v>301</v>
      </c>
      <c r="W151" s="83" t="s">
        <v>315</v>
      </c>
      <c r="X151" s="33" t="s">
        <v>72</v>
      </c>
      <c r="Y151" s="34" t="s">
        <v>589</v>
      </c>
      <c r="Z151" s="35" t="s">
        <v>73</v>
      </c>
      <c r="AA151" s="33" t="s">
        <v>573</v>
      </c>
      <c r="AB151" s="84" t="s">
        <v>326</v>
      </c>
      <c r="AC151" s="33" t="s">
        <v>327</v>
      </c>
      <c r="AD151" s="84" t="s">
        <v>328</v>
      </c>
      <c r="AE151" s="33" t="s">
        <v>299</v>
      </c>
      <c r="AF151" s="84" t="s">
        <v>329</v>
      </c>
      <c r="AG151" s="33" t="s">
        <v>301</v>
      </c>
      <c r="AH151" s="84" t="s">
        <v>315</v>
      </c>
    </row>
    <row r="152" spans="1:34" ht="72">
      <c r="A152" s="36"/>
      <c r="B152" s="37" t="s">
        <v>74</v>
      </c>
      <c r="C152" s="123" t="s">
        <v>304</v>
      </c>
      <c r="D152" s="39" t="s">
        <v>76</v>
      </c>
      <c r="E152" s="37" t="s">
        <v>159</v>
      </c>
      <c r="F152" s="86" t="s">
        <v>88</v>
      </c>
      <c r="G152" s="37" t="s">
        <v>160</v>
      </c>
      <c r="H152" s="86" t="s">
        <v>88</v>
      </c>
      <c r="I152" s="37" t="s">
        <v>161</v>
      </c>
      <c r="J152" s="86" t="s">
        <v>88</v>
      </c>
      <c r="K152" s="37" t="s">
        <v>301</v>
      </c>
      <c r="L152" s="86" t="s">
        <v>88</v>
      </c>
      <c r="M152" s="63" t="s">
        <v>74</v>
      </c>
      <c r="N152" s="254" t="s">
        <v>304</v>
      </c>
      <c r="O152" s="65" t="s">
        <v>76</v>
      </c>
      <c r="P152" s="63" t="s">
        <v>159</v>
      </c>
      <c r="Q152" s="85" t="s">
        <v>88</v>
      </c>
      <c r="R152" s="63" t="s">
        <v>160</v>
      </c>
      <c r="S152" s="85" t="s">
        <v>88</v>
      </c>
      <c r="T152" s="63" t="s">
        <v>161</v>
      </c>
      <c r="U152" s="85" t="s">
        <v>88</v>
      </c>
      <c r="V152" s="63" t="s">
        <v>301</v>
      </c>
      <c r="W152" s="85" t="s">
        <v>88</v>
      </c>
      <c r="X152" s="37" t="s">
        <v>74</v>
      </c>
      <c r="Y152" s="123" t="s">
        <v>574</v>
      </c>
      <c r="Z152" s="39" t="s">
        <v>76</v>
      </c>
      <c r="AA152" s="37" t="s">
        <v>161</v>
      </c>
      <c r="AB152" s="86" t="s">
        <v>88</v>
      </c>
      <c r="AC152" s="37" t="s">
        <v>160</v>
      </c>
      <c r="AD152" s="86" t="s">
        <v>88</v>
      </c>
      <c r="AE152" s="37" t="s">
        <v>159</v>
      </c>
      <c r="AF152" s="86" t="s">
        <v>88</v>
      </c>
      <c r="AG152" s="37" t="s">
        <v>301</v>
      </c>
      <c r="AH152" s="86" t="s">
        <v>88</v>
      </c>
    </row>
    <row r="153" spans="1:34">
      <c r="A153" s="40" t="s">
        <v>350</v>
      </c>
      <c r="B153" s="191">
        <v>12507</v>
      </c>
      <c r="C153" s="79">
        <v>5.2164135226083417</v>
      </c>
      <c r="D153" s="80">
        <v>3.1099185849462325E-2</v>
      </c>
      <c r="E153" s="193">
        <v>0.15514203479273816</v>
      </c>
      <c r="F153" s="89">
        <v>6.4753985732475374E-3</v>
      </c>
      <c r="G153" s="193">
        <v>0.12937531489276466</v>
      </c>
      <c r="H153" s="89">
        <v>6.0033604623443582E-3</v>
      </c>
      <c r="I153" s="193">
        <v>0.70017979214279147</v>
      </c>
      <c r="J153" s="89">
        <v>8.1930521479739241E-3</v>
      </c>
      <c r="K153" s="193">
        <v>1.5302858171722111E-2</v>
      </c>
      <c r="L153" s="89">
        <v>2.2058467541656158E-3</v>
      </c>
      <c r="M153" s="191">
        <v>12545</v>
      </c>
      <c r="N153" s="79">
        <v>5.5809000888620828</v>
      </c>
      <c r="O153" s="80">
        <v>2.8485804559351402E-2</v>
      </c>
      <c r="P153" s="193">
        <v>0.10303000187141914</v>
      </c>
      <c r="Q153" s="89">
        <v>5.4304039339801496E-3</v>
      </c>
      <c r="R153" s="193">
        <v>9.6175631195178579E-2</v>
      </c>
      <c r="S153" s="89">
        <v>5.2669535092441126E-3</v>
      </c>
      <c r="T153" s="193">
        <v>0.78972530671992347</v>
      </c>
      <c r="U153" s="89">
        <v>7.2765735021415937E-3</v>
      </c>
      <c r="V153" s="193">
        <v>1.1069060213482133E-2</v>
      </c>
      <c r="W153" s="89">
        <v>1.8808994286726034E-3</v>
      </c>
      <c r="X153" s="191">
        <v>12649</v>
      </c>
      <c r="Y153" s="79">
        <v>4.3725237357445605</v>
      </c>
      <c r="Z153" s="80">
        <v>3.2709499857835909E-2</v>
      </c>
      <c r="AA153" s="193">
        <v>0.32826221083340862</v>
      </c>
      <c r="AB153" s="89">
        <v>8.3495282238207486E-3</v>
      </c>
      <c r="AC153" s="193">
        <v>0.18179873847710692</v>
      </c>
      <c r="AD153" s="89">
        <v>6.8588636118216547E-3</v>
      </c>
      <c r="AE153" s="193">
        <v>0.47107177962861668</v>
      </c>
      <c r="AF153" s="89">
        <v>8.8751482471448907E-3</v>
      </c>
      <c r="AG153" s="193">
        <v>1.8867271060888372E-2</v>
      </c>
      <c r="AH153" s="89">
        <v>2.4286310416995554E-3</v>
      </c>
    </row>
    <row r="154" spans="1:34">
      <c r="A154" s="44" t="s">
        <v>351</v>
      </c>
      <c r="B154" s="44">
        <v>8846</v>
      </c>
      <c r="C154" s="175">
        <v>4.980654228510824</v>
      </c>
      <c r="D154" s="127">
        <v>3.8495679022687593E-2</v>
      </c>
      <c r="E154" s="194">
        <v>0.20884742389537184</v>
      </c>
      <c r="F154" s="92">
        <v>8.6437799902133374E-3</v>
      </c>
      <c r="G154" s="194">
        <v>0.13464180845957277</v>
      </c>
      <c r="H154" s="92">
        <v>7.2605747687886713E-3</v>
      </c>
      <c r="I154" s="194">
        <v>0.64666464982328042</v>
      </c>
      <c r="J154" s="92">
        <v>1.0162719522046558E-2</v>
      </c>
      <c r="K154" s="194">
        <v>9.8461178217776994E-3</v>
      </c>
      <c r="L154" s="92">
        <v>2.1223905715983872E-3</v>
      </c>
      <c r="M154" s="44">
        <v>8864</v>
      </c>
      <c r="N154" s="175">
        <v>5.450885009369423</v>
      </c>
      <c r="O154" s="127">
        <v>3.5784229781252008E-2</v>
      </c>
      <c r="P154" s="194">
        <v>0.14196441125623155</v>
      </c>
      <c r="Q154" s="92">
        <v>7.4159288450063188E-3</v>
      </c>
      <c r="R154" s="194">
        <v>9.5155634138057194E-2</v>
      </c>
      <c r="S154" s="92">
        <v>6.2372599105135814E-3</v>
      </c>
      <c r="T154" s="194">
        <v>0.75722761678665496</v>
      </c>
      <c r="U154" s="92">
        <v>9.1075275911893065E-3</v>
      </c>
      <c r="V154" s="194">
        <v>5.6523378190561305E-3</v>
      </c>
      <c r="W154" s="92">
        <v>1.6231299091540978E-3</v>
      </c>
      <c r="X154" s="44">
        <v>8863</v>
      </c>
      <c r="Y154" s="175">
        <v>4.2571311641492038</v>
      </c>
      <c r="Z154" s="127">
        <v>3.9404799036750073E-2</v>
      </c>
      <c r="AA154" s="194">
        <v>0.35071228973515423</v>
      </c>
      <c r="AB154" s="92">
        <v>1.0135726767912743E-2</v>
      </c>
      <c r="AC154" s="194">
        <v>0.18304893564791436</v>
      </c>
      <c r="AD154" s="92">
        <v>8.2158936193938992E-3</v>
      </c>
      <c r="AE154" s="194">
        <v>0.45320453745019956</v>
      </c>
      <c r="AF154" s="92">
        <v>1.0573114806457366E-2</v>
      </c>
      <c r="AG154" s="194">
        <v>1.3034237166735687E-2</v>
      </c>
      <c r="AH154" s="92">
        <v>2.4289378411923349E-3</v>
      </c>
    </row>
    <row r="155" spans="1:34">
      <c r="A155" s="40" t="s">
        <v>352</v>
      </c>
      <c r="B155" s="48">
        <v>3661</v>
      </c>
      <c r="C155" s="79">
        <v>5.4069519698716695</v>
      </c>
      <c r="D155" s="80">
        <v>4.9309312593663245E-2</v>
      </c>
      <c r="E155" s="193">
        <v>0.11216844611282635</v>
      </c>
      <c r="F155" s="89">
        <v>1.0442584156095225E-2</v>
      </c>
      <c r="G155" s="193">
        <v>0.12516121027296337</v>
      </c>
      <c r="H155" s="89">
        <v>1.0947096306451938E-2</v>
      </c>
      <c r="I155" s="193">
        <v>0.74300115053178994</v>
      </c>
      <c r="J155" s="89">
        <v>1.4441083749334883E-2</v>
      </c>
      <c r="K155" s="193">
        <v>1.9669193082421602E-2</v>
      </c>
      <c r="L155" s="89">
        <v>4.6469522710023857E-3</v>
      </c>
      <c r="M155" s="48">
        <v>3681</v>
      </c>
      <c r="N155" s="79">
        <v>5.6857423297410836</v>
      </c>
      <c r="O155" s="80">
        <v>4.3552056733459819E-2</v>
      </c>
      <c r="P155" s="193">
        <v>7.1941465290275897E-2</v>
      </c>
      <c r="Q155" s="89">
        <v>8.5384258429894548E-3</v>
      </c>
      <c r="R155" s="193">
        <v>9.6990083406574515E-2</v>
      </c>
      <c r="S155" s="89">
        <v>9.769968500570176E-3</v>
      </c>
      <c r="T155" s="193">
        <v>0.8156742202454258</v>
      </c>
      <c r="U155" s="89">
        <v>1.2784234109185591E-2</v>
      </c>
      <c r="V155" s="193">
        <v>1.5394231057724186E-2</v>
      </c>
      <c r="W155" s="89">
        <v>4.1238370520265202E-3</v>
      </c>
      <c r="X155" s="48">
        <v>3786</v>
      </c>
      <c r="Y155" s="79">
        <v>4.4631843282467774</v>
      </c>
      <c r="Z155" s="80">
        <v>5.8081977406013091E-2</v>
      </c>
      <c r="AA155" s="193">
        <v>0.31080912089189833</v>
      </c>
      <c r="AB155" s="89">
        <v>1.5038466922709192E-2</v>
      </c>
      <c r="AC155" s="193">
        <v>0.18082681299914533</v>
      </c>
      <c r="AD155" s="89">
        <v>1.2512511752612167E-2</v>
      </c>
      <c r="AE155" s="193">
        <v>0.48496209093268411</v>
      </c>
      <c r="AF155" s="89">
        <v>1.6236196520193955E-2</v>
      </c>
      <c r="AG155" s="193">
        <v>2.3401975176272394E-2</v>
      </c>
      <c r="AH155" s="89">
        <v>4.9625013790381449E-3</v>
      </c>
    </row>
    <row r="156" spans="1:34">
      <c r="A156" s="44" t="s">
        <v>534</v>
      </c>
      <c r="B156" s="44">
        <v>1732</v>
      </c>
      <c r="C156" s="175">
        <v>5.0417917663845087</v>
      </c>
      <c r="D156" s="127">
        <v>8.3156038549093439E-2</v>
      </c>
      <c r="E156" s="194">
        <v>0.18174607018919592</v>
      </c>
      <c r="F156" s="92">
        <v>1.8540070701130059E-2</v>
      </c>
      <c r="G156" s="194">
        <v>0.14171539140312622</v>
      </c>
      <c r="H156" s="92">
        <v>1.678153299046466E-2</v>
      </c>
      <c r="I156" s="194">
        <v>0.65993363134779781</v>
      </c>
      <c r="J156" s="92">
        <v>2.2745788705449261E-2</v>
      </c>
      <c r="K156" s="194">
        <v>1.6604907059883892E-2</v>
      </c>
      <c r="L156" s="92">
        <v>6.3327048801568283E-3</v>
      </c>
      <c r="M156" s="44">
        <v>1734</v>
      </c>
      <c r="N156" s="175">
        <v>5.5685929892799084</v>
      </c>
      <c r="O156" s="127">
        <v>7.353340617380727E-2</v>
      </c>
      <c r="P156" s="194">
        <v>0.1118860422957945</v>
      </c>
      <c r="Q156" s="92">
        <v>1.5175241622337209E-2</v>
      </c>
      <c r="R156" s="194">
        <v>8.7823510862273912E-2</v>
      </c>
      <c r="S156" s="92">
        <v>1.3644478283518644E-2</v>
      </c>
      <c r="T156" s="194">
        <v>0.78844878061373214</v>
      </c>
      <c r="U156" s="92">
        <v>1.96153952829888E-2</v>
      </c>
      <c r="V156" s="194">
        <v>1.1841666228202456E-2</v>
      </c>
      <c r="W156" s="92">
        <v>5.427006006200376E-3</v>
      </c>
      <c r="X156" s="44">
        <v>1750</v>
      </c>
      <c r="Y156" s="175">
        <v>4.3370394708489997</v>
      </c>
      <c r="Z156" s="127">
        <v>8.8104454073560129E-2</v>
      </c>
      <c r="AA156" s="194">
        <v>0.32931264770067337</v>
      </c>
      <c r="AB156" s="92">
        <v>2.2449667880131974E-2</v>
      </c>
      <c r="AC156" s="194">
        <v>0.18907159958426212</v>
      </c>
      <c r="AD156" s="92">
        <v>1.8725890999103427E-2</v>
      </c>
      <c r="AE156" s="194">
        <v>0.46224291575290638</v>
      </c>
      <c r="AF156" s="92">
        <v>2.380943429666775E-2</v>
      </c>
      <c r="AG156" s="194">
        <v>1.9372836962161334E-2</v>
      </c>
      <c r="AH156" s="92">
        <v>6.7619452703682704E-3</v>
      </c>
    </row>
    <row r="157" spans="1:34">
      <c r="A157" s="40" t="s">
        <v>535</v>
      </c>
      <c r="B157" s="48">
        <v>1394</v>
      </c>
      <c r="C157" s="79">
        <v>4.9201954265622447</v>
      </c>
      <c r="D157" s="80">
        <v>9.5377391841963449E-2</v>
      </c>
      <c r="E157" s="193">
        <v>0.21135219022445212</v>
      </c>
      <c r="F157" s="89">
        <v>2.1869592772569956E-2</v>
      </c>
      <c r="G157" s="193">
        <v>0.14152104126176077</v>
      </c>
      <c r="H157" s="89">
        <v>1.8700803750496601E-2</v>
      </c>
      <c r="I157" s="193">
        <v>0.63435561923129935</v>
      </c>
      <c r="J157" s="89">
        <v>2.5767293506057921E-2</v>
      </c>
      <c r="K157" s="193">
        <v>1.2771149282488618E-2</v>
      </c>
      <c r="L157" s="89">
        <v>6.3210640204848841E-3</v>
      </c>
      <c r="M157" s="48">
        <v>1391</v>
      </c>
      <c r="N157" s="79">
        <v>5.5471454111016474</v>
      </c>
      <c r="O157" s="80">
        <v>8.4751657420318163E-2</v>
      </c>
      <c r="P157" s="193">
        <v>0.12597949769143482</v>
      </c>
      <c r="Q157" s="89">
        <v>1.7833138007456405E-2</v>
      </c>
      <c r="R157" s="193">
        <v>8.4892276437970093E-2</v>
      </c>
      <c r="S157" s="89">
        <v>1.5019446811531154E-2</v>
      </c>
      <c r="T157" s="193">
        <v>0.7824414286597563</v>
      </c>
      <c r="U157" s="89">
        <v>2.212273771398425E-2</v>
      </c>
      <c r="V157" s="193">
        <v>6.6867972108391625E-3</v>
      </c>
      <c r="W157" s="89">
        <v>4.8001445750496278E-3</v>
      </c>
      <c r="X157" s="48">
        <v>1393</v>
      </c>
      <c r="Y157" s="79">
        <v>4.3223011105130569</v>
      </c>
      <c r="Z157" s="80">
        <v>9.8301577465141968E-2</v>
      </c>
      <c r="AA157" s="193">
        <v>0.329463925965297</v>
      </c>
      <c r="AB157" s="89">
        <v>2.5159975026854981E-2</v>
      </c>
      <c r="AC157" s="193">
        <v>0.19711160396164029</v>
      </c>
      <c r="AD157" s="89">
        <v>2.1322302884357942E-2</v>
      </c>
      <c r="AE157" s="193">
        <v>0.45877977782860035</v>
      </c>
      <c r="AF157" s="89">
        <v>2.6664253556230335E-2</v>
      </c>
      <c r="AG157" s="193">
        <v>1.4644692244464092E-2</v>
      </c>
      <c r="AH157" s="89">
        <v>6.7212198648679607E-3</v>
      </c>
    </row>
    <row r="158" spans="1:34">
      <c r="A158" s="44" t="s">
        <v>546</v>
      </c>
      <c r="B158" s="44">
        <v>342</v>
      </c>
      <c r="C158" s="175">
        <v>5.4140815072622805</v>
      </c>
      <c r="D158" s="127">
        <v>0.15239141378495666</v>
      </c>
      <c r="E158" s="194">
        <v>9.0414815855440728E-2</v>
      </c>
      <c r="F158" s="92">
        <v>3.1548916111767356E-2</v>
      </c>
      <c r="G158" s="194">
        <v>0.14639643980002742</v>
      </c>
      <c r="H158" s="92">
        <v>3.8443533393942082E-2</v>
      </c>
      <c r="I158" s="194">
        <v>0.73429643670492084</v>
      </c>
      <c r="J158" s="92">
        <v>4.7645983456924487E-2</v>
      </c>
      <c r="K158" s="194">
        <v>2.889230763960967E-2</v>
      </c>
      <c r="L158" s="92">
        <v>1.9579243814259451E-2</v>
      </c>
      <c r="M158" s="44">
        <v>347</v>
      </c>
      <c r="N158" s="175">
        <v>5.6200324534664468</v>
      </c>
      <c r="O158" s="127">
        <v>0.14023571613535579</v>
      </c>
      <c r="P158" s="194">
        <v>7.1162847637898624E-2</v>
      </c>
      <c r="Q158" s="92">
        <v>2.82976238231595E-2</v>
      </c>
      <c r="R158" s="194">
        <v>9.8802040968943031E-2</v>
      </c>
      <c r="S158" s="92">
        <v>3.2500342922034825E-2</v>
      </c>
      <c r="T158" s="194">
        <v>0.80187775892458946</v>
      </c>
      <c r="U158" s="92">
        <v>4.2825429094666342E-2</v>
      </c>
      <c r="V158" s="194">
        <v>2.8157352468567959E-2</v>
      </c>
      <c r="W158" s="92">
        <v>1.9218318520357203E-2</v>
      </c>
      <c r="X158" s="44">
        <v>361</v>
      </c>
      <c r="Y158" s="175">
        <v>4.3963720805036965</v>
      </c>
      <c r="Z158" s="127">
        <v>0.19730317485540591</v>
      </c>
      <c r="AA158" s="194">
        <v>0.32557257987272031</v>
      </c>
      <c r="AB158" s="92">
        <v>4.9128098571235429E-2</v>
      </c>
      <c r="AC158" s="194">
        <v>0.1655884743619282</v>
      </c>
      <c r="AD158" s="92">
        <v>3.9254224837335851E-2</v>
      </c>
      <c r="AE158" s="194">
        <v>0.47517776361746156</v>
      </c>
      <c r="AF158" s="92">
        <v>5.2279259314635528E-2</v>
      </c>
      <c r="AG158" s="194">
        <v>3.3661182147888706E-2</v>
      </c>
      <c r="AH158" s="92">
        <v>2.0209450213421031E-2</v>
      </c>
    </row>
    <row r="159" spans="1:34">
      <c r="A159" s="40" t="s">
        <v>536</v>
      </c>
      <c r="B159" s="48">
        <v>235</v>
      </c>
      <c r="C159" s="79">
        <v>4.613616583146535</v>
      </c>
      <c r="D159" s="80">
        <v>0.2431971609428287</v>
      </c>
      <c r="E159" s="193">
        <v>0.28253924818373932</v>
      </c>
      <c r="F159" s="89">
        <v>5.847153250175828E-2</v>
      </c>
      <c r="G159" s="193">
        <v>0.12505546867038253</v>
      </c>
      <c r="H159" s="89">
        <v>4.369597140955199E-2</v>
      </c>
      <c r="I159" s="193">
        <v>0.58203642545354672</v>
      </c>
      <c r="J159" s="89">
        <v>6.3837320824148502E-2</v>
      </c>
      <c r="K159" s="193">
        <v>1.0368857692331066E-2</v>
      </c>
      <c r="L159" s="89">
        <v>1.7461933179336371E-2</v>
      </c>
      <c r="M159" s="48">
        <v>233</v>
      </c>
      <c r="N159" s="79">
        <v>5.1479101886931389</v>
      </c>
      <c r="O159" s="80">
        <v>0.23717199243199594</v>
      </c>
      <c r="P159" s="193">
        <v>0.2084629954110746</v>
      </c>
      <c r="Q159" s="89">
        <v>5.3225252397206817E-2</v>
      </c>
      <c r="R159" s="193">
        <v>9.4980347858084443E-2</v>
      </c>
      <c r="S159" s="89">
        <v>3.9286806443427108E-2</v>
      </c>
      <c r="T159" s="193">
        <v>0.69136867078849884</v>
      </c>
      <c r="U159" s="89">
        <v>6.0183093983212137E-2</v>
      </c>
      <c r="V159" s="193">
        <v>5.1879859423421045E-3</v>
      </c>
      <c r="W159" s="89">
        <v>1.5013879624831861E-2</v>
      </c>
      <c r="X159" s="48">
        <v>234</v>
      </c>
      <c r="Y159" s="79">
        <v>4.1128500395094649</v>
      </c>
      <c r="Z159" s="80">
        <v>0.24065928989785604</v>
      </c>
      <c r="AA159" s="193">
        <v>0.39566631662668778</v>
      </c>
      <c r="AB159" s="89">
        <v>6.3441537631365313E-2</v>
      </c>
      <c r="AC159" s="193">
        <v>0.18821073299531194</v>
      </c>
      <c r="AD159" s="89">
        <v>5.120852778044583E-2</v>
      </c>
      <c r="AE159" s="193">
        <v>0.40715971606038998</v>
      </c>
      <c r="AF159" s="89">
        <v>6.3731048855587599E-2</v>
      </c>
      <c r="AG159" s="193">
        <v>8.9632343176097758E-3</v>
      </c>
      <c r="AH159" s="89">
        <v>1.6863048972451878E-2</v>
      </c>
    </row>
    <row r="160" spans="1:34">
      <c r="A160" s="44" t="s">
        <v>537</v>
      </c>
      <c r="B160" s="44">
        <v>58</v>
      </c>
      <c r="C160" s="175">
        <v>3.6585833626814921</v>
      </c>
      <c r="D160" s="127">
        <v>0.47040671223420322</v>
      </c>
      <c r="E160" s="194">
        <v>0.44493360743113186</v>
      </c>
      <c r="F160" s="92">
        <v>0.12632429757276348</v>
      </c>
      <c r="G160" s="194">
        <v>0.20445111050944043</v>
      </c>
      <c r="H160" s="92">
        <v>0.10581729093087421</v>
      </c>
      <c r="I160" s="194">
        <v>0.35061528205942771</v>
      </c>
      <c r="J160" s="92">
        <v>0.12193884707729648</v>
      </c>
      <c r="K160" s="194">
        <v>0</v>
      </c>
      <c r="L160" s="92">
        <v>4.4877957654209835E-2</v>
      </c>
      <c r="M160" s="44">
        <v>56</v>
      </c>
      <c r="N160" s="175">
        <v>4.3034086647537615</v>
      </c>
      <c r="O160" s="127">
        <v>0.52261884250900725</v>
      </c>
      <c r="P160" s="194">
        <v>0.37998386756574282</v>
      </c>
      <c r="Q160" s="92">
        <v>0.12581802388609595</v>
      </c>
      <c r="R160" s="194">
        <v>0.13719092342432496</v>
      </c>
      <c r="S160" s="92">
        <v>9.4986059788197866E-2</v>
      </c>
      <c r="T160" s="194">
        <v>0.48282520900993225</v>
      </c>
      <c r="U160" s="92">
        <v>0.1290330824127664</v>
      </c>
      <c r="V160" s="194">
        <v>0</v>
      </c>
      <c r="W160" s="92">
        <v>4.6348119143587135E-2</v>
      </c>
      <c r="X160" s="44">
        <v>58</v>
      </c>
      <c r="Y160" s="175">
        <v>3.6736321127723821</v>
      </c>
      <c r="Z160" s="127">
        <v>0.47030022514461384</v>
      </c>
      <c r="AA160" s="194">
        <v>0.5332383540554485</v>
      </c>
      <c r="AB160" s="92">
        <v>0.12675431318977695</v>
      </c>
      <c r="AC160" s="194">
        <v>0.15984694627935706</v>
      </c>
      <c r="AD160" s="92">
        <v>9.7961105704446133E-2</v>
      </c>
      <c r="AE160" s="194">
        <v>0.30691469966519458</v>
      </c>
      <c r="AF160" s="92">
        <v>0.11842336819262367</v>
      </c>
      <c r="AG160" s="194">
        <v>0</v>
      </c>
      <c r="AH160" s="92">
        <v>4.4877957654209835E-2</v>
      </c>
    </row>
    <row r="161" spans="1:34">
      <c r="A161" s="40" t="s">
        <v>538</v>
      </c>
      <c r="B161" s="48">
        <v>75</v>
      </c>
      <c r="C161" s="79">
        <v>4.8595408265831015</v>
      </c>
      <c r="D161" s="80">
        <v>0.39336315538190908</v>
      </c>
      <c r="E161" s="193">
        <v>0.20604778234832044</v>
      </c>
      <c r="F161" s="89">
        <v>9.3354025555623596E-2</v>
      </c>
      <c r="G161" s="193">
        <v>0.12115188865707698</v>
      </c>
      <c r="H161" s="89">
        <v>7.815609822845436E-2</v>
      </c>
      <c r="I161" s="193">
        <v>0.67280032899460296</v>
      </c>
      <c r="J161" s="89">
        <v>0.10628056668005748</v>
      </c>
      <c r="K161" s="193">
        <v>0</v>
      </c>
      <c r="L161" s="89">
        <v>3.5346768793784435E-2</v>
      </c>
      <c r="M161" s="48">
        <v>75</v>
      </c>
      <c r="N161" s="79">
        <v>5.6274313482443752</v>
      </c>
      <c r="O161" s="80">
        <v>0.36500800139323125</v>
      </c>
      <c r="P161" s="193">
        <v>0.13926803980032268</v>
      </c>
      <c r="Q161" s="89">
        <v>8.1974469350918996E-2</v>
      </c>
      <c r="R161" s="193">
        <v>6.8694402446131897E-2</v>
      </c>
      <c r="S161" s="89">
        <v>6.4567302899678145E-2</v>
      </c>
      <c r="T161" s="193">
        <v>0.79203755775354578</v>
      </c>
      <c r="U161" s="89">
        <v>9.3627857049502231E-2</v>
      </c>
      <c r="V161" s="193">
        <v>0</v>
      </c>
      <c r="W161" s="89">
        <v>3.5346768793784435E-2</v>
      </c>
      <c r="X161" s="48">
        <v>74</v>
      </c>
      <c r="Y161" s="79">
        <v>4.7837342653230639</v>
      </c>
      <c r="Z161" s="80">
        <v>0.41904146160501476</v>
      </c>
      <c r="AA161" s="193">
        <v>0.25629680028867657</v>
      </c>
      <c r="AB161" s="89">
        <v>0.10039510935460025</v>
      </c>
      <c r="AC161" s="193">
        <v>0.15390058774413712</v>
      </c>
      <c r="AD161" s="89">
        <v>8.5390746437520218E-2</v>
      </c>
      <c r="AE161" s="193">
        <v>0.55902899594474631</v>
      </c>
      <c r="AF161" s="89">
        <v>0.11251525042761454</v>
      </c>
      <c r="AG161" s="193">
        <v>3.0773616022440407E-2</v>
      </c>
      <c r="AH161" s="89">
        <v>5.1555031564609013E-2</v>
      </c>
    </row>
    <row r="162" spans="1:34">
      <c r="A162" s="44" t="s">
        <v>539</v>
      </c>
      <c r="B162" s="44">
        <v>85</v>
      </c>
      <c r="C162" s="175">
        <v>5.2736441336650168</v>
      </c>
      <c r="D162" s="127">
        <v>0.37028648232792938</v>
      </c>
      <c r="E162" s="194">
        <v>0.19382018612754906</v>
      </c>
      <c r="F162" s="92">
        <v>8.5981752247553028E-2</v>
      </c>
      <c r="G162" s="194">
        <v>8.1105975630591992E-2</v>
      </c>
      <c r="H162" s="92">
        <v>6.358083738988253E-2</v>
      </c>
      <c r="I162" s="194">
        <v>0.6998306684326171</v>
      </c>
      <c r="J162" s="92">
        <v>9.7974191213450745E-2</v>
      </c>
      <c r="K162" s="194">
        <v>2.5243169809242506E-2</v>
      </c>
      <c r="L162" s="92">
        <v>4.467651887653324E-2</v>
      </c>
      <c r="M162" s="44">
        <v>85</v>
      </c>
      <c r="N162" s="175">
        <v>5.582420281378929</v>
      </c>
      <c r="O162" s="127">
        <v>0.3342002782323033</v>
      </c>
      <c r="P162" s="194">
        <v>0.11815429092928452</v>
      </c>
      <c r="Q162" s="92">
        <v>7.2516717690273638E-2</v>
      </c>
      <c r="R162" s="194">
        <v>7.6032397238548197E-2</v>
      </c>
      <c r="S162" s="92">
        <v>6.2186945552309532E-2</v>
      </c>
      <c r="T162" s="194">
        <v>0.79319172692754647</v>
      </c>
      <c r="U162" s="92">
        <v>8.7817952713338379E-2</v>
      </c>
      <c r="V162" s="194">
        <v>1.2621584904621253E-2</v>
      </c>
      <c r="W162" s="92">
        <v>3.8706136914051406E-2</v>
      </c>
      <c r="X162" s="44">
        <v>85</v>
      </c>
      <c r="Y162" s="175">
        <v>4.1309208212900161</v>
      </c>
      <c r="Z162" s="127">
        <v>0.39251638421860319</v>
      </c>
      <c r="AA162" s="194">
        <v>0.35156097802059266</v>
      </c>
      <c r="AB162" s="92">
        <v>0.10164975029366205</v>
      </c>
      <c r="AC162" s="194">
        <v>0.24266048146262617</v>
      </c>
      <c r="AD162" s="92">
        <v>9.2310002775758779E-2</v>
      </c>
      <c r="AE162" s="194">
        <v>0.40577854051678203</v>
      </c>
      <c r="AF162" s="92">
        <v>0.10426896467794394</v>
      </c>
      <c r="AG162" s="194">
        <v>0</v>
      </c>
      <c r="AH162" s="92">
        <v>3.1420971575578778E-2</v>
      </c>
    </row>
    <row r="163" spans="1:34">
      <c r="A163" s="40" t="s">
        <v>540</v>
      </c>
      <c r="B163" s="191">
        <v>102</v>
      </c>
      <c r="C163" s="79">
        <v>4.4636025358277278</v>
      </c>
      <c r="D163" s="80">
        <v>0.38779860487802775</v>
      </c>
      <c r="E163" s="193">
        <v>0.29198549525606488</v>
      </c>
      <c r="F163" s="89">
        <v>8.9005832433694615E-2</v>
      </c>
      <c r="G163" s="193">
        <v>0.1891555134200246</v>
      </c>
      <c r="H163" s="89">
        <v>7.7831582164167551E-2</v>
      </c>
      <c r="I163" s="193">
        <v>0.51885899132391056</v>
      </c>
      <c r="J163" s="89">
        <v>9.7064591287438537E-2</v>
      </c>
      <c r="K163" s="193">
        <v>0</v>
      </c>
      <c r="L163" s="89">
        <v>2.6430347017829241E-2</v>
      </c>
      <c r="M163" s="191">
        <v>103</v>
      </c>
      <c r="N163" s="79">
        <v>5.4371752200022794</v>
      </c>
      <c r="O163" s="80">
        <v>0.32882850042776024</v>
      </c>
      <c r="P163" s="193">
        <v>0.14739611331690697</v>
      </c>
      <c r="Q163" s="89">
        <v>7.09856934363534E-2</v>
      </c>
      <c r="R163" s="193">
        <v>6.0079896094234329E-2</v>
      </c>
      <c r="S163" s="89">
        <v>5.1398881461309269E-2</v>
      </c>
      <c r="T163" s="193">
        <v>0.7925239905888587</v>
      </c>
      <c r="U163" s="89">
        <v>7.988494263776913E-2</v>
      </c>
      <c r="V163" s="193">
        <v>0</v>
      </c>
      <c r="W163" s="89">
        <v>2.6185687246820841E-2</v>
      </c>
      <c r="X163" s="191">
        <v>102</v>
      </c>
      <c r="Y163" s="79">
        <v>3.6715922510286081</v>
      </c>
      <c r="Z163" s="80">
        <v>0.36268686483943385</v>
      </c>
      <c r="AA163" s="193">
        <v>0.45274552851403405</v>
      </c>
      <c r="AB163" s="89">
        <v>9.6726098864717239E-2</v>
      </c>
      <c r="AC163" s="193">
        <v>0.20126784746965723</v>
      </c>
      <c r="AD163" s="89">
        <v>7.9471647892794872E-2</v>
      </c>
      <c r="AE163" s="193">
        <v>0.3459866240163087</v>
      </c>
      <c r="AF163" s="89">
        <v>9.2763912232673135E-2</v>
      </c>
      <c r="AG163" s="193">
        <v>0</v>
      </c>
      <c r="AH163" s="89">
        <v>2.6430347017829241E-2</v>
      </c>
    </row>
    <row r="164" spans="1:34" ht="26.25" customHeight="1">
      <c r="A164" s="44" t="s">
        <v>541</v>
      </c>
      <c r="B164" s="192">
        <v>92</v>
      </c>
      <c r="C164" s="175">
        <v>4.6134077140473702</v>
      </c>
      <c r="D164" s="127">
        <v>0.36274532155538841</v>
      </c>
      <c r="E164" s="194">
        <v>0.25514662425085755</v>
      </c>
      <c r="F164" s="92">
        <v>9.0124644469454923E-2</v>
      </c>
      <c r="G164" s="194">
        <v>0.18242673525139835</v>
      </c>
      <c r="H164" s="92">
        <v>8.0977498956635946E-2</v>
      </c>
      <c r="I164" s="194">
        <v>0.55093285843407391</v>
      </c>
      <c r="J164" s="92">
        <v>0.10157458668816476</v>
      </c>
      <c r="K164" s="194">
        <v>1.1493782063670317E-2</v>
      </c>
      <c r="L164" s="92">
        <v>3.5843351004895614E-2</v>
      </c>
      <c r="M164" s="192">
        <v>92</v>
      </c>
      <c r="N164" s="175">
        <v>5.1962980276524</v>
      </c>
      <c r="O164" s="127">
        <v>0.33176382958588474</v>
      </c>
      <c r="P164" s="194">
        <v>0.18092120586977317</v>
      </c>
      <c r="Q164" s="92">
        <v>8.0750707045245035E-2</v>
      </c>
      <c r="R164" s="194">
        <v>0.12145116807199444</v>
      </c>
      <c r="S164" s="92">
        <v>7.0235793342239297E-2</v>
      </c>
      <c r="T164" s="194">
        <v>0.69762762605823236</v>
      </c>
      <c r="U164" s="92">
        <v>9.44568327112216E-2</v>
      </c>
      <c r="V164" s="194">
        <v>0</v>
      </c>
      <c r="W164" s="92">
        <v>2.9154263235671291E-2</v>
      </c>
      <c r="X164" s="192">
        <v>93</v>
      </c>
      <c r="Y164" s="175">
        <v>3.845687978255186</v>
      </c>
      <c r="Z164" s="127">
        <v>0.36007457663878806</v>
      </c>
      <c r="AA164" s="194">
        <v>0.4519595112962157</v>
      </c>
      <c r="AB164" s="92">
        <v>0.10110289302270301</v>
      </c>
      <c r="AC164" s="194">
        <v>0.23259111843887251</v>
      </c>
      <c r="AD164" s="92">
        <v>8.7170509098183122E-2</v>
      </c>
      <c r="AE164" s="194">
        <v>0.3073709248453263</v>
      </c>
      <c r="AF164" s="92">
        <v>9.4354284349581832E-2</v>
      </c>
      <c r="AG164" s="194">
        <v>8.0784454195856909E-3</v>
      </c>
      <c r="AH164" s="92">
        <v>3.3711548518023111E-2</v>
      </c>
    </row>
    <row r="165" spans="1:34" ht="27.75" customHeight="1">
      <c r="A165" s="40" t="s">
        <v>542</v>
      </c>
      <c r="B165" s="49">
        <v>161</v>
      </c>
      <c r="C165" s="79">
        <v>4.3879815276474927</v>
      </c>
      <c r="D165" s="80">
        <v>0.28443303511217571</v>
      </c>
      <c r="E165" s="193">
        <v>0.29648333069361754</v>
      </c>
      <c r="F165" s="89">
        <v>7.1446495203469587E-2</v>
      </c>
      <c r="G165" s="193">
        <v>0.14896177335926411</v>
      </c>
      <c r="H165" s="89">
        <v>5.6712870864955661E-2</v>
      </c>
      <c r="I165" s="193">
        <v>0.54429658649643597</v>
      </c>
      <c r="J165" s="89">
        <v>7.7558469927858531E-2</v>
      </c>
      <c r="K165" s="193">
        <v>1.0258309450682221E-2</v>
      </c>
      <c r="L165" s="89">
        <v>2.2904842103875906E-2</v>
      </c>
      <c r="M165" s="49">
        <v>162</v>
      </c>
      <c r="N165" s="79">
        <v>4.8861297350359303</v>
      </c>
      <c r="O165" s="80">
        <v>0.26553017906151205</v>
      </c>
      <c r="P165" s="193">
        <v>0.23047977756405102</v>
      </c>
      <c r="Q165" s="89">
        <v>6.6007931245563103E-2</v>
      </c>
      <c r="R165" s="193">
        <v>0.13218634401868645</v>
      </c>
      <c r="S165" s="89">
        <v>5.4031318889742913E-2</v>
      </c>
      <c r="T165" s="193">
        <v>0.63114257225937298</v>
      </c>
      <c r="U165" s="89">
        <v>7.5029388147970597E-2</v>
      </c>
      <c r="V165" s="193">
        <v>6.1913061578896785E-3</v>
      </c>
      <c r="W165" s="89">
        <v>2.0688773210062381E-2</v>
      </c>
      <c r="X165" s="49">
        <v>162</v>
      </c>
      <c r="Y165" s="79">
        <v>3.8455380357448736</v>
      </c>
      <c r="Z165" s="80">
        <v>0.27877741236033104</v>
      </c>
      <c r="AA165" s="193">
        <v>0.42627087551140802</v>
      </c>
      <c r="AB165" s="89">
        <v>7.6807196418319082E-2</v>
      </c>
      <c r="AC165" s="193">
        <v>0.2287241587359263</v>
      </c>
      <c r="AD165" s="89">
        <v>6.5842679002270393E-2</v>
      </c>
      <c r="AE165" s="193">
        <v>0.32554661310296751</v>
      </c>
      <c r="AF165" s="89">
        <v>7.297714492416621E-2</v>
      </c>
      <c r="AG165" s="193">
        <v>1.9458352649697575E-2</v>
      </c>
      <c r="AH165" s="89">
        <v>2.6919931491805722E-2</v>
      </c>
    </row>
    <row r="166" spans="1:34">
      <c r="A166" s="44" t="s">
        <v>547</v>
      </c>
      <c r="B166" s="192">
        <v>71</v>
      </c>
      <c r="C166" s="175">
        <v>4.8725291778070021</v>
      </c>
      <c r="D166" s="127">
        <v>0.3504472845275543</v>
      </c>
      <c r="E166" s="194">
        <v>0.17913522218070785</v>
      </c>
      <c r="F166" s="92">
        <v>9.171978449521602E-2</v>
      </c>
      <c r="G166" s="194">
        <v>0.17146936215420122</v>
      </c>
      <c r="H166" s="92">
        <v>9.0413391202355434E-2</v>
      </c>
      <c r="I166" s="194">
        <v>0.62773541109115583</v>
      </c>
      <c r="J166" s="92">
        <v>0.11204229271418324</v>
      </c>
      <c r="K166" s="194">
        <v>2.1660004573935149E-2</v>
      </c>
      <c r="L166" s="92">
        <v>4.8960568254147817E-2</v>
      </c>
      <c r="M166" s="192">
        <v>71</v>
      </c>
      <c r="N166" s="175">
        <v>5.4299919606838234</v>
      </c>
      <c r="O166" s="127">
        <v>0.34224865949706251</v>
      </c>
      <c r="P166" s="194">
        <v>0.10822364645906489</v>
      </c>
      <c r="Q166" s="92">
        <v>7.7441359453748138E-2</v>
      </c>
      <c r="R166" s="194">
        <v>7.6544582161960376E-2</v>
      </c>
      <c r="S166" s="92">
        <v>6.901297965846552E-2</v>
      </c>
      <c r="T166" s="194">
        <v>0.80206843542290718</v>
      </c>
      <c r="U166" s="92">
        <v>9.4721473596092495E-2</v>
      </c>
      <c r="V166" s="194">
        <v>1.3163335956067565E-2</v>
      </c>
      <c r="W166" s="92">
        <v>4.4779138558428445E-2</v>
      </c>
      <c r="X166" s="192">
        <v>71</v>
      </c>
      <c r="Y166" s="175">
        <v>4.0835478595748143</v>
      </c>
      <c r="Z166" s="127">
        <v>0.42502738388837191</v>
      </c>
      <c r="AA166" s="194">
        <v>0.36386028265845033</v>
      </c>
      <c r="AB166" s="92">
        <v>0.11156826807634035</v>
      </c>
      <c r="AC166" s="194">
        <v>0.21591700984206455</v>
      </c>
      <c r="AD166" s="92">
        <v>9.7344922028284944E-2</v>
      </c>
      <c r="AE166" s="194">
        <v>0.39349282947714337</v>
      </c>
      <c r="AF166" s="92">
        <v>0.11309794193292863</v>
      </c>
      <c r="AG166" s="194">
        <v>2.6729878022342012E-2</v>
      </c>
      <c r="AH166" s="92">
        <v>5.1261406627299055E-2</v>
      </c>
    </row>
    <row r="167" spans="1:34">
      <c r="A167" s="52" t="s">
        <v>548</v>
      </c>
      <c r="B167" s="191">
        <v>122</v>
      </c>
      <c r="C167" s="79">
        <v>5.5777285696400174</v>
      </c>
      <c r="D167" s="80">
        <v>0.25912362356138369</v>
      </c>
      <c r="E167" s="193">
        <v>9.6156211998533025E-2</v>
      </c>
      <c r="F167" s="89">
        <v>5.5520835365560517E-2</v>
      </c>
      <c r="G167" s="193">
        <v>0.10919642902265948</v>
      </c>
      <c r="H167" s="89">
        <v>5.8232055850326626E-2</v>
      </c>
      <c r="I167" s="193">
        <v>0.78197434996601289</v>
      </c>
      <c r="J167" s="89">
        <v>7.4633189731436123E-2</v>
      </c>
      <c r="K167" s="193">
        <v>1.2673009012794308E-2</v>
      </c>
      <c r="L167" s="89">
        <v>2.9467032365660867E-2</v>
      </c>
      <c r="M167" s="191">
        <v>123</v>
      </c>
      <c r="N167" s="79">
        <v>5.9389962324275505</v>
      </c>
      <c r="O167" s="80">
        <v>0.23310071374978708</v>
      </c>
      <c r="P167" s="193">
        <v>6.5740784390440773E-2</v>
      </c>
      <c r="Q167" s="89">
        <v>4.7986541143123847E-2</v>
      </c>
      <c r="R167" s="193">
        <v>5.0138780788614105E-2</v>
      </c>
      <c r="S167" s="89">
        <v>4.3533737761361872E-2</v>
      </c>
      <c r="T167" s="193">
        <v>0.87647758727268865</v>
      </c>
      <c r="U167" s="89">
        <v>6.0718074992338472E-2</v>
      </c>
      <c r="V167" s="193">
        <v>7.6428475482564415E-3</v>
      </c>
      <c r="W167" s="89">
        <v>2.6688184624829293E-2</v>
      </c>
      <c r="X167" s="191">
        <v>123</v>
      </c>
      <c r="Y167" s="79">
        <v>4.7301870833904562</v>
      </c>
      <c r="Z167" s="80">
        <v>0.33916105207897801</v>
      </c>
      <c r="AA167" s="193">
        <v>0.25260899717722091</v>
      </c>
      <c r="AB167" s="89">
        <v>7.7883871239183819E-2</v>
      </c>
      <c r="AC167" s="193">
        <v>0.14780648493752804</v>
      </c>
      <c r="AD167" s="89">
        <v>6.4880323551382263E-2</v>
      </c>
      <c r="AE167" s="193">
        <v>0.58107851206331462</v>
      </c>
      <c r="AF167" s="89">
        <v>8.7634503443731554E-2</v>
      </c>
      <c r="AG167" s="193">
        <v>1.8506005821936188E-2</v>
      </c>
      <c r="AH167" s="89">
        <v>3.2012508990546001E-2</v>
      </c>
    </row>
    <row r="168" spans="1:34">
      <c r="A168" s="44" t="s">
        <v>549</v>
      </c>
      <c r="B168" s="192">
        <v>98</v>
      </c>
      <c r="C168" s="175">
        <v>4.3693419720830615</v>
      </c>
      <c r="D168" s="127">
        <v>0.37787683017730977</v>
      </c>
      <c r="E168" s="194">
        <v>0.31758879718151867</v>
      </c>
      <c r="F168" s="92">
        <v>9.2732949009745796E-2</v>
      </c>
      <c r="G168" s="194">
        <v>0.18289074794979981</v>
      </c>
      <c r="H168" s="92">
        <v>7.8509147823313127E-2</v>
      </c>
      <c r="I168" s="194">
        <v>0.48858358819505637</v>
      </c>
      <c r="J168" s="92">
        <v>9.8990925988294565E-2</v>
      </c>
      <c r="K168" s="194">
        <v>1.0936866673626129E-2</v>
      </c>
      <c r="L168" s="92">
        <v>3.3844425428658044E-2</v>
      </c>
      <c r="M168" s="192">
        <v>96</v>
      </c>
      <c r="N168" s="175">
        <v>5.3969438011803161</v>
      </c>
      <c r="O168" s="127">
        <v>0.31394741698038381</v>
      </c>
      <c r="P168" s="194">
        <v>0.11070476635040274</v>
      </c>
      <c r="Q168" s="92">
        <v>6.6432161526411695E-2</v>
      </c>
      <c r="R168" s="194">
        <v>0.13070181095511826</v>
      </c>
      <c r="S168" s="92">
        <v>7.0515567052623546E-2</v>
      </c>
      <c r="T168" s="194">
        <v>0.7585934226944796</v>
      </c>
      <c r="U168" s="92">
        <v>8.680370810208618E-2</v>
      </c>
      <c r="V168" s="194">
        <v>0</v>
      </c>
      <c r="W168" s="92">
        <v>2.8000000000000001E-2</v>
      </c>
      <c r="X168" s="192">
        <v>95</v>
      </c>
      <c r="Y168" s="175">
        <v>4.4329992875101807</v>
      </c>
      <c r="Z168" s="127">
        <v>0.3443392549286583</v>
      </c>
      <c r="AA168" s="194">
        <v>0.33469725892820457</v>
      </c>
      <c r="AB168" s="92">
        <v>9.5312029111136981E-2</v>
      </c>
      <c r="AC168" s="194">
        <v>0.17359296440348315</v>
      </c>
      <c r="AD168" s="92">
        <v>7.8339828972060196E-2</v>
      </c>
      <c r="AE168" s="194">
        <v>0.49170977666831328</v>
      </c>
      <c r="AF168" s="92">
        <v>0.10049105970822918</v>
      </c>
      <c r="AG168" s="194">
        <v>0</v>
      </c>
      <c r="AH168" s="92">
        <v>2.8279912978147775E-2</v>
      </c>
    </row>
    <row r="169" spans="1:34">
      <c r="A169" s="52" t="s">
        <v>550</v>
      </c>
      <c r="B169" s="191">
        <v>132</v>
      </c>
      <c r="C169" s="79">
        <v>4.7253815228012623</v>
      </c>
      <c r="D169" s="80">
        <v>0.30649128630709088</v>
      </c>
      <c r="E169" s="193">
        <v>0.25494517053497867</v>
      </c>
      <c r="F169" s="89">
        <v>7.5425975686410851E-2</v>
      </c>
      <c r="G169" s="193">
        <v>0.13264889194256868</v>
      </c>
      <c r="H169" s="89">
        <v>6.0116180801746598E-2</v>
      </c>
      <c r="I169" s="193">
        <v>0.60065396644694546</v>
      </c>
      <c r="J169" s="89">
        <v>8.4096577740527104E-2</v>
      </c>
      <c r="K169" s="193">
        <v>1.1751971075507439E-2</v>
      </c>
      <c r="L169" s="89">
        <v>2.7348706741349385E-2</v>
      </c>
      <c r="M169" s="191">
        <v>132</v>
      </c>
      <c r="N169" s="79">
        <v>5.4718887761501289</v>
      </c>
      <c r="O169" s="80">
        <v>0.2507510759179768</v>
      </c>
      <c r="P169" s="193">
        <v>0.14058445235399275</v>
      </c>
      <c r="Q169" s="89">
        <v>6.1430858631702785E-2</v>
      </c>
      <c r="R169" s="193">
        <v>7.5529529048366628E-2</v>
      </c>
      <c r="S169" s="89">
        <v>4.8588154707794186E-2</v>
      </c>
      <c r="T169" s="193">
        <v>0.7767440455344744</v>
      </c>
      <c r="U169" s="89">
        <v>7.232516741973298E-2</v>
      </c>
      <c r="V169" s="193">
        <v>7.1419730631663318E-3</v>
      </c>
      <c r="W169" s="89">
        <v>2.4952662895247103E-2</v>
      </c>
      <c r="X169" s="191">
        <v>132</v>
      </c>
      <c r="Y169" s="79">
        <v>4.7509210812023763</v>
      </c>
      <c r="Z169" s="80">
        <v>0.31160476098244894</v>
      </c>
      <c r="AA169" s="193">
        <v>0.22345348394744524</v>
      </c>
      <c r="AB169" s="89">
        <v>7.2346098615182666E-2</v>
      </c>
      <c r="AC169" s="193">
        <v>0.19338495390938371</v>
      </c>
      <c r="AD169" s="89">
        <v>6.8906597370922473E-2</v>
      </c>
      <c r="AE169" s="193">
        <v>0.55280313038353479</v>
      </c>
      <c r="AF169" s="89">
        <v>8.5297649706165116E-2</v>
      </c>
      <c r="AG169" s="193">
        <v>3.0358431759636401E-2</v>
      </c>
      <c r="AH169" s="89">
        <v>3.5238809153519041E-2</v>
      </c>
    </row>
    <row r="170" spans="1:34">
      <c r="A170" s="44" t="s">
        <v>551</v>
      </c>
      <c r="B170" s="192">
        <v>121</v>
      </c>
      <c r="C170" s="175">
        <v>5.2556645680144616</v>
      </c>
      <c r="D170" s="127">
        <v>0.27574865672459897</v>
      </c>
      <c r="E170" s="194">
        <v>0.1392460818476538</v>
      </c>
      <c r="F170" s="92">
        <v>6.4013128811519576E-2</v>
      </c>
      <c r="G170" s="194">
        <v>0.11201571506240283</v>
      </c>
      <c r="H170" s="92">
        <v>5.904522622281215E-2</v>
      </c>
      <c r="I170" s="194">
        <v>0.71379421834865975</v>
      </c>
      <c r="J170" s="92">
        <v>8.1421478675998554E-2</v>
      </c>
      <c r="K170" s="194">
        <v>3.4943984741283435E-2</v>
      </c>
      <c r="L170" s="92">
        <v>3.8922762143725573E-2</v>
      </c>
      <c r="M170" s="192">
        <v>121</v>
      </c>
      <c r="N170" s="175">
        <v>5.8228372294634196</v>
      </c>
      <c r="O170" s="127">
        <v>0.25642850917530591</v>
      </c>
      <c r="P170" s="194">
        <v>8.4472384938025419E-2</v>
      </c>
      <c r="Q170" s="92">
        <v>5.3129408423890349E-2</v>
      </c>
      <c r="R170" s="194">
        <v>6.1865903005228845E-2</v>
      </c>
      <c r="S170" s="92">
        <v>4.7371714650057871E-2</v>
      </c>
      <c r="T170" s="194">
        <v>0.83706443822002019</v>
      </c>
      <c r="U170" s="92">
        <v>6.7774312827504138E-2</v>
      </c>
      <c r="V170" s="194">
        <v>1.6597273836725709E-2</v>
      </c>
      <c r="W170" s="92">
        <v>3.1515290200373504E-2</v>
      </c>
      <c r="X170" s="192">
        <v>120</v>
      </c>
      <c r="Y170" s="175">
        <v>4.5816745006645565</v>
      </c>
      <c r="Z170" s="127">
        <v>0.33835048613990754</v>
      </c>
      <c r="AA170" s="194">
        <v>0.26768977188444903</v>
      </c>
      <c r="AB170" s="92">
        <v>8.0212944186575874E-2</v>
      </c>
      <c r="AC170" s="194">
        <v>0.19270492679964391</v>
      </c>
      <c r="AD170" s="92">
        <v>7.2192339522097679E-2</v>
      </c>
      <c r="AE170" s="194">
        <v>0.52286897469839344</v>
      </c>
      <c r="AF170" s="92">
        <v>8.9714638477651182E-2</v>
      </c>
      <c r="AG170" s="194">
        <v>1.6736326617513449E-2</v>
      </c>
      <c r="AH170" s="92">
        <v>3.176554274604404E-2</v>
      </c>
    </row>
    <row r="171" spans="1:34">
      <c r="A171" s="52" t="s">
        <v>543</v>
      </c>
      <c r="B171" s="191">
        <v>162</v>
      </c>
      <c r="C171" s="79">
        <v>5.7489492040208079</v>
      </c>
      <c r="D171" s="80">
        <v>0.21446050482208706</v>
      </c>
      <c r="E171" s="193">
        <v>8.2060344146206235E-2</v>
      </c>
      <c r="F171" s="89">
        <v>4.4894259981733187E-2</v>
      </c>
      <c r="G171" s="193">
        <v>0.10169928412254312</v>
      </c>
      <c r="H171" s="89">
        <v>4.8819780117367761E-2</v>
      </c>
      <c r="I171" s="193">
        <v>0.80535842234399968</v>
      </c>
      <c r="J171" s="89">
        <v>6.2323634285848493E-2</v>
      </c>
      <c r="K171" s="193">
        <v>1.0881949387250709E-2</v>
      </c>
      <c r="L171" s="89">
        <v>2.3104837869326496E-2</v>
      </c>
      <c r="M171" s="191">
        <v>161</v>
      </c>
      <c r="N171" s="79">
        <v>6.112151239599771</v>
      </c>
      <c r="O171" s="80">
        <v>0.18706887436947287</v>
      </c>
      <c r="P171" s="193">
        <v>4.9042431829252983E-2</v>
      </c>
      <c r="Q171" s="89">
        <v>3.6969362415293652E-2</v>
      </c>
      <c r="R171" s="193">
        <v>6.4147486666232392E-2</v>
      </c>
      <c r="S171" s="89">
        <v>4.0937938232075234E-2</v>
      </c>
      <c r="T171" s="193">
        <v>0.87585115578496764</v>
      </c>
      <c r="U171" s="89">
        <v>5.2915497309400414E-2</v>
      </c>
      <c r="V171" s="193">
        <v>1.095892571954638E-2</v>
      </c>
      <c r="W171" s="89">
        <v>2.3247791430399692E-2</v>
      </c>
      <c r="X171" s="191">
        <v>163</v>
      </c>
      <c r="Y171" s="79">
        <v>4.442187399567044</v>
      </c>
      <c r="Z171" s="80">
        <v>0.27254356295956028</v>
      </c>
      <c r="AA171" s="193">
        <v>0.27848657088097606</v>
      </c>
      <c r="AB171" s="89">
        <v>6.9773667042215062E-2</v>
      </c>
      <c r="AC171" s="193">
        <v>0.2496264280121254</v>
      </c>
      <c r="AD171" s="89">
        <v>6.751004844662914E-2</v>
      </c>
      <c r="AE171" s="193">
        <v>0.45211932432770718</v>
      </c>
      <c r="AF171" s="89">
        <v>7.7043567865587373E-2</v>
      </c>
      <c r="AG171" s="193">
        <v>1.9767676779190564E-2</v>
      </c>
      <c r="AH171" s="89">
        <v>2.6936349468866704E-2</v>
      </c>
    </row>
    <row r="172" spans="1:34">
      <c r="A172" s="44" t="s">
        <v>544</v>
      </c>
      <c r="B172" s="192">
        <v>47</v>
      </c>
      <c r="C172" s="175">
        <v>6.1281347489743903</v>
      </c>
      <c r="D172" s="127">
        <v>0.29165575917303432</v>
      </c>
      <c r="E172" s="194">
        <v>2.3919964087610483E-2</v>
      </c>
      <c r="F172" s="92">
        <v>6.7159067394272617E-2</v>
      </c>
      <c r="G172" s="194">
        <v>8.1205787401787188E-2</v>
      </c>
      <c r="H172" s="92">
        <v>8.9022774842980407E-2</v>
      </c>
      <c r="I172" s="194">
        <v>0.89487424851060238</v>
      </c>
      <c r="J172" s="92">
        <v>9.6028624466574342E-2</v>
      </c>
      <c r="K172" s="194">
        <v>0</v>
      </c>
      <c r="L172" s="92">
        <v>5.4361041575189964E-2</v>
      </c>
      <c r="M172" s="192">
        <v>46</v>
      </c>
      <c r="N172" s="175">
        <v>6.3172167210805732</v>
      </c>
      <c r="O172" s="127">
        <v>0.32443598807001572</v>
      </c>
      <c r="P172" s="194">
        <v>2.2708460424797319E-2</v>
      </c>
      <c r="Q172" s="92">
        <v>6.7636661231579479E-2</v>
      </c>
      <c r="R172" s="194">
        <v>4.406710895659946E-2</v>
      </c>
      <c r="S172" s="92">
        <v>7.6970003673728554E-2</v>
      </c>
      <c r="T172" s="194">
        <v>0.93322443061860327</v>
      </c>
      <c r="U172" s="92">
        <v>8.5390755506265098E-2</v>
      </c>
      <c r="V172" s="194">
        <v>0</v>
      </c>
      <c r="W172" s="92">
        <v>5.542562584220407E-2</v>
      </c>
      <c r="X172" s="192">
        <v>48</v>
      </c>
      <c r="Y172" s="175">
        <v>4.6726700943468664</v>
      </c>
      <c r="Z172" s="127">
        <v>0.4234982672603369</v>
      </c>
      <c r="AA172" s="194">
        <v>0.17714841812880391</v>
      </c>
      <c r="AB172" s="92">
        <v>0.1113504378814093</v>
      </c>
      <c r="AC172" s="194">
        <v>0.29184727920274051</v>
      </c>
      <c r="AD172" s="92">
        <v>0.12802699429232442</v>
      </c>
      <c r="AE172" s="194">
        <v>0.50741184939856276</v>
      </c>
      <c r="AF172" s="92">
        <v>0.13866206597986278</v>
      </c>
      <c r="AG172" s="194">
        <v>2.3592453269892805E-2</v>
      </c>
      <c r="AH172" s="92">
        <v>6.598975905802669E-2</v>
      </c>
    </row>
    <row r="173" spans="1:34">
      <c r="A173" s="52" t="s">
        <v>552</v>
      </c>
      <c r="B173" s="191">
        <v>115</v>
      </c>
      <c r="C173" s="79">
        <v>5.5888449949213239</v>
      </c>
      <c r="D173" s="80">
        <v>0.27302596409524876</v>
      </c>
      <c r="E173" s="193">
        <v>0.1062308692386469</v>
      </c>
      <c r="F173" s="89">
        <v>5.9463847804899155E-2</v>
      </c>
      <c r="G173" s="193">
        <v>0.1102189837912014</v>
      </c>
      <c r="H173" s="89">
        <v>6.0283038440610573E-2</v>
      </c>
      <c r="I173" s="193">
        <v>0.76814427753879111</v>
      </c>
      <c r="J173" s="89">
        <v>7.8398060371997397E-2</v>
      </c>
      <c r="K173" s="193">
        <v>1.5405869431359987E-2</v>
      </c>
      <c r="L173" s="89">
        <v>3.2118577955277755E-2</v>
      </c>
      <c r="M173" s="191">
        <v>115</v>
      </c>
      <c r="N173" s="79">
        <v>6.0276371789823138</v>
      </c>
      <c r="O173" s="80">
        <v>0.22696396602727811</v>
      </c>
      <c r="P173" s="193">
        <v>5.9728304837339319E-2</v>
      </c>
      <c r="Q173" s="89">
        <v>4.8149985211584465E-2</v>
      </c>
      <c r="R173" s="193">
        <v>7.2295758830120252E-2</v>
      </c>
      <c r="S173" s="89">
        <v>5.1583422493181909E-2</v>
      </c>
      <c r="T173" s="193">
        <v>0.85257006690117987</v>
      </c>
      <c r="U173" s="89">
        <v>6.7090953434035053E-2</v>
      </c>
      <c r="V173" s="193">
        <v>1.5405869431359987E-2</v>
      </c>
      <c r="W173" s="89">
        <v>3.2118577955277755E-2</v>
      </c>
      <c r="X173" s="191">
        <v>115</v>
      </c>
      <c r="Y173" s="79">
        <v>4.3455773298448479</v>
      </c>
      <c r="Z173" s="80">
        <v>0.34235066581672002</v>
      </c>
      <c r="AA173" s="193">
        <v>0.32120041143962091</v>
      </c>
      <c r="AB173" s="89">
        <v>8.6022037892793821E-2</v>
      </c>
      <c r="AC173" s="193">
        <v>0.23183041873991633</v>
      </c>
      <c r="AD173" s="89">
        <v>7.8395343367140033E-2</v>
      </c>
      <c r="AE173" s="193">
        <v>0.42881362912979709</v>
      </c>
      <c r="AF173" s="89">
        <v>9.0798039301948116E-2</v>
      </c>
      <c r="AG173" s="193">
        <v>1.8155540690664853E-2</v>
      </c>
      <c r="AH173" s="89">
        <v>3.3391959820361333E-2</v>
      </c>
    </row>
    <row r="174" spans="1:34">
      <c r="A174" s="44" t="s">
        <v>545</v>
      </c>
      <c r="B174" s="192">
        <v>165</v>
      </c>
      <c r="C174" s="175">
        <v>4.780888728023827</v>
      </c>
      <c r="D174" s="127">
        <v>0.26935115124955689</v>
      </c>
      <c r="E174" s="194">
        <v>0.2218723854957132</v>
      </c>
      <c r="F174" s="92">
        <v>6.4590374129465958E-2</v>
      </c>
      <c r="G174" s="194">
        <v>0.18145824305046115</v>
      </c>
      <c r="H174" s="92">
        <v>6.0231813526726595E-2</v>
      </c>
      <c r="I174" s="194">
        <v>0.59152669332793828</v>
      </c>
      <c r="J174" s="92">
        <v>7.5684602843759427E-2</v>
      </c>
      <c r="K174" s="194">
        <v>5.1426781258863989E-3</v>
      </c>
      <c r="L174" s="92">
        <v>1.9804474470170828E-2</v>
      </c>
      <c r="M174" s="192">
        <v>164</v>
      </c>
      <c r="N174" s="175">
        <v>5.7515841928269813</v>
      </c>
      <c r="O174" s="127">
        <v>0.21733881262006552</v>
      </c>
      <c r="P174" s="194">
        <v>8.525233136567735E-2</v>
      </c>
      <c r="Q174" s="92">
        <v>4.5271161125410929E-2</v>
      </c>
      <c r="R174" s="194">
        <v>8.7111381647272418E-2</v>
      </c>
      <c r="S174" s="92">
        <v>4.5655099191246266E-2</v>
      </c>
      <c r="T174" s="194">
        <v>0.82275165305060538</v>
      </c>
      <c r="U174" s="92">
        <v>5.9907215733766429E-2</v>
      </c>
      <c r="V174" s="194">
        <v>4.8846339364440397E-3</v>
      </c>
      <c r="W174" s="92">
        <v>1.97575199277506E-2</v>
      </c>
      <c r="X174" s="192">
        <v>165</v>
      </c>
      <c r="Y174" s="175">
        <v>4.0605544610551831</v>
      </c>
      <c r="Z174" s="127">
        <v>0.29916736885284911</v>
      </c>
      <c r="AA174" s="194">
        <v>0.39096977085337725</v>
      </c>
      <c r="AB174" s="92">
        <v>7.5159550345774304E-2</v>
      </c>
      <c r="AC174" s="194">
        <v>0.19041476636008453</v>
      </c>
      <c r="AD174" s="92">
        <v>6.1276411085403201E-2</v>
      </c>
      <c r="AE174" s="194">
        <v>0.4137322116124425</v>
      </c>
      <c r="AF174" s="92">
        <v>7.5823836599801187E-2</v>
      </c>
      <c r="AG174" s="194">
        <v>4.8832511740946813E-3</v>
      </c>
      <c r="AH174" s="92">
        <v>1.9657640574886257E-2</v>
      </c>
    </row>
    <row r="177" spans="1:32" ht="18.75">
      <c r="A177" s="284" t="s">
        <v>238</v>
      </c>
      <c r="B177" s="284"/>
      <c r="C177" s="284"/>
      <c r="D177" s="284"/>
      <c r="E177" s="284"/>
      <c r="F177" s="284"/>
      <c r="G177" s="284"/>
      <c r="H177" s="284"/>
      <c r="I177" s="284"/>
      <c r="J177" s="284"/>
      <c r="K177" s="284"/>
      <c r="L177" s="284"/>
      <c r="M177" s="224"/>
      <c r="N177" s="224"/>
      <c r="O177" s="224"/>
      <c r="P177" s="242"/>
      <c r="Q177" s="242"/>
      <c r="R177" s="242"/>
      <c r="S177" s="242"/>
      <c r="T177" s="242"/>
      <c r="U177" s="242"/>
      <c r="V177" s="242"/>
      <c r="W177" s="242"/>
      <c r="X177" s="242"/>
      <c r="Y177" s="242"/>
      <c r="Z177" s="242"/>
      <c r="AA177" s="242"/>
      <c r="AB177" s="242"/>
    </row>
    <row r="178" spans="1:32" ht="41.25" customHeight="1">
      <c r="A178" s="419" t="s">
        <v>609</v>
      </c>
      <c r="B178" s="419"/>
      <c r="C178" s="419"/>
      <c r="D178" s="419"/>
      <c r="E178" s="419"/>
      <c r="F178" s="419"/>
      <c r="G178" s="419"/>
      <c r="H178" s="419"/>
      <c r="I178" s="419"/>
      <c r="J178" s="419"/>
      <c r="K178" s="419"/>
      <c r="L178" s="419"/>
      <c r="M178" s="286"/>
      <c r="N178" s="230"/>
      <c r="O178" s="230"/>
      <c r="P178" s="242"/>
      <c r="Q178" s="242"/>
      <c r="R178" s="242"/>
      <c r="S178" s="242"/>
      <c r="T178" s="242"/>
      <c r="U178" s="242"/>
      <c r="V178" s="242"/>
      <c r="W178" s="242"/>
      <c r="X178" s="242"/>
      <c r="Y178" s="242"/>
      <c r="Z178" s="242"/>
      <c r="AA178" s="242"/>
      <c r="AB178" s="242"/>
    </row>
    <row r="179" spans="1:32" ht="36" customHeight="1">
      <c r="A179" s="59"/>
      <c r="B179" s="400" t="s">
        <v>239</v>
      </c>
      <c r="C179" s="401"/>
      <c r="D179" s="401"/>
      <c r="E179" s="401"/>
      <c r="F179" s="401"/>
      <c r="G179" s="401"/>
      <c r="H179" s="401"/>
      <c r="I179" s="401"/>
      <c r="J179" s="401"/>
      <c r="K179" s="401"/>
      <c r="L179" s="402"/>
      <c r="M179" s="242"/>
      <c r="N179" s="242"/>
      <c r="O179" s="242"/>
      <c r="P179" s="242"/>
      <c r="Q179" s="242"/>
      <c r="R179" s="242"/>
      <c r="S179" s="242"/>
      <c r="T179" s="242"/>
      <c r="U179" s="242"/>
      <c r="V179" s="242"/>
      <c r="W179" s="242"/>
      <c r="X179" s="242"/>
      <c r="Y179" s="242"/>
      <c r="Z179" s="242"/>
      <c r="AA179" s="242"/>
      <c r="AB179" s="242"/>
      <c r="AC179" s="242"/>
      <c r="AD179" s="242"/>
      <c r="AE179" s="242"/>
      <c r="AF179" s="242"/>
    </row>
    <row r="180" spans="1:32" ht="39.75" customHeight="1">
      <c r="A180" s="32" t="s">
        <v>71</v>
      </c>
      <c r="B180" s="33" t="s">
        <v>72</v>
      </c>
      <c r="C180" s="34" t="s">
        <v>589</v>
      </c>
      <c r="D180" s="35" t="s">
        <v>73</v>
      </c>
      <c r="E180" s="33" t="s">
        <v>312</v>
      </c>
      <c r="F180" s="84" t="s">
        <v>143</v>
      </c>
      <c r="G180" s="33" t="s">
        <v>313</v>
      </c>
      <c r="H180" s="84" t="s">
        <v>144</v>
      </c>
      <c r="I180" s="33" t="s">
        <v>314</v>
      </c>
      <c r="J180" s="84" t="s">
        <v>117</v>
      </c>
      <c r="K180" s="33" t="s">
        <v>301</v>
      </c>
      <c r="L180" s="84" t="s">
        <v>315</v>
      </c>
      <c r="M180" s="242"/>
      <c r="N180" s="242"/>
      <c r="O180" s="242"/>
      <c r="P180" s="242"/>
      <c r="Q180" s="242"/>
      <c r="R180" s="242"/>
      <c r="S180" s="242"/>
      <c r="T180" s="242"/>
      <c r="U180" s="242"/>
      <c r="V180" s="242"/>
      <c r="W180" s="242"/>
      <c r="X180" s="242"/>
      <c r="Y180" s="242"/>
      <c r="Z180" s="242"/>
      <c r="AA180" s="242"/>
      <c r="AB180" s="242"/>
      <c r="AC180" s="242"/>
      <c r="AD180" s="242"/>
      <c r="AE180" s="242"/>
      <c r="AF180" s="242"/>
    </row>
    <row r="181" spans="1:32" ht="72">
      <c r="A181" s="36"/>
      <c r="B181" s="37" t="s">
        <v>74</v>
      </c>
      <c r="C181" s="123" t="s">
        <v>304</v>
      </c>
      <c r="D181" s="39" t="s">
        <v>76</v>
      </c>
      <c r="E181" s="37" t="s">
        <v>159</v>
      </c>
      <c r="F181" s="86" t="s">
        <v>88</v>
      </c>
      <c r="G181" s="37" t="s">
        <v>160</v>
      </c>
      <c r="H181" s="86" t="s">
        <v>88</v>
      </c>
      <c r="I181" s="37" t="s">
        <v>161</v>
      </c>
      <c r="J181" s="86" t="s">
        <v>88</v>
      </c>
      <c r="K181" s="37" t="s">
        <v>301</v>
      </c>
      <c r="L181" s="86" t="s">
        <v>88</v>
      </c>
    </row>
    <row r="182" spans="1:32">
      <c r="A182" s="40" t="s">
        <v>350</v>
      </c>
      <c r="B182" s="195">
        <v>13838</v>
      </c>
      <c r="C182" s="79">
        <v>4.7531192671633828</v>
      </c>
      <c r="D182" s="80">
        <v>2.7919035805388397E-2</v>
      </c>
      <c r="E182" s="193">
        <v>0.19002045105263729</v>
      </c>
      <c r="F182" s="89">
        <v>6.6703112055608339E-3</v>
      </c>
      <c r="G182" s="193">
        <v>0.1840468065802596</v>
      </c>
      <c r="H182" s="89">
        <v>6.5888669336456353E-3</v>
      </c>
      <c r="I182" s="193">
        <v>0.57979952345395602</v>
      </c>
      <c r="J182" s="89">
        <v>8.3907551919310368E-3</v>
      </c>
      <c r="K182" s="193">
        <v>4.6133218913162459E-2</v>
      </c>
      <c r="L182" s="89">
        <v>3.5708197407605087E-3</v>
      </c>
    </row>
    <row r="183" spans="1:32">
      <c r="A183" s="44" t="s">
        <v>351</v>
      </c>
      <c r="B183" s="44">
        <v>10167</v>
      </c>
      <c r="C183" s="175">
        <v>4.5506508062160735</v>
      </c>
      <c r="D183" s="127">
        <v>3.3212653597497817E-2</v>
      </c>
      <c r="E183" s="194">
        <v>0.23948467955034444</v>
      </c>
      <c r="F183" s="92">
        <v>8.4645649693695091E-3</v>
      </c>
      <c r="G183" s="194">
        <v>0.17748811872500828</v>
      </c>
      <c r="H183" s="92">
        <v>7.5792378329316047E-3</v>
      </c>
      <c r="I183" s="194">
        <v>0.54233865221360755</v>
      </c>
      <c r="J183" s="92">
        <v>9.8799966681224032E-3</v>
      </c>
      <c r="K183" s="194">
        <v>4.0688549511036121E-2</v>
      </c>
      <c r="L183" s="92">
        <v>3.9263144682149921E-3</v>
      </c>
    </row>
    <row r="184" spans="1:32">
      <c r="A184" s="40" t="s">
        <v>352</v>
      </c>
      <c r="B184" s="48">
        <v>3671</v>
      </c>
      <c r="C184" s="79">
        <v>4.9204671233886801</v>
      </c>
      <c r="D184" s="80">
        <v>4.9751738154754886E-2</v>
      </c>
      <c r="E184" s="193">
        <v>0.14955824544207372</v>
      </c>
      <c r="F184" s="89">
        <v>1.1778350780796388E-2</v>
      </c>
      <c r="G184" s="193">
        <v>0.18941187512765661</v>
      </c>
      <c r="H184" s="89">
        <v>1.293604968490268E-2</v>
      </c>
      <c r="I184" s="193">
        <v>0.61044286957522487</v>
      </c>
      <c r="J184" s="89">
        <v>1.6089170254407308E-2</v>
      </c>
      <c r="K184" s="193">
        <v>5.0587009855044267E-2</v>
      </c>
      <c r="L184" s="89">
        <v>7.2631690039010729E-3</v>
      </c>
    </row>
    <row r="185" spans="1:32">
      <c r="A185" s="44" t="s">
        <v>534</v>
      </c>
      <c r="B185" s="44">
        <v>1868</v>
      </c>
      <c r="C185" s="175">
        <v>4.6832013421589522</v>
      </c>
      <c r="D185" s="127">
        <v>7.7110241358827172E-2</v>
      </c>
      <c r="E185" s="194">
        <v>0.20796493062418392</v>
      </c>
      <c r="F185" s="92">
        <v>1.8781218595700498E-2</v>
      </c>
      <c r="G185" s="194">
        <v>0.17234636135674225</v>
      </c>
      <c r="H185" s="92">
        <v>1.7486343457956379E-2</v>
      </c>
      <c r="I185" s="194">
        <v>0.56917516808015656</v>
      </c>
      <c r="J185" s="92">
        <v>2.2891196748859432E-2</v>
      </c>
      <c r="K185" s="194">
        <v>5.0513539938919869E-2</v>
      </c>
      <c r="L185" s="92">
        <v>1.021399349762569E-2</v>
      </c>
    </row>
    <row r="186" spans="1:32">
      <c r="A186" s="40" t="s">
        <v>535</v>
      </c>
      <c r="B186" s="48">
        <v>1528</v>
      </c>
      <c r="C186" s="79">
        <v>4.5595172121268854</v>
      </c>
      <c r="D186" s="80">
        <v>8.7412312613297793E-2</v>
      </c>
      <c r="E186" s="193">
        <v>0.24213941080182</v>
      </c>
      <c r="F186" s="89">
        <v>2.190977704180589E-2</v>
      </c>
      <c r="G186" s="193">
        <v>0.16990858033242195</v>
      </c>
      <c r="H186" s="89">
        <v>1.922845309246634E-2</v>
      </c>
      <c r="I186" s="193">
        <v>0.54133416959211167</v>
      </c>
      <c r="J186" s="89">
        <v>2.5461812727297004E-2</v>
      </c>
      <c r="K186" s="193">
        <v>4.6617839273645739E-2</v>
      </c>
      <c r="L186" s="89">
        <v>1.0901482795380994E-2</v>
      </c>
    </row>
    <row r="187" spans="1:32">
      <c r="A187" s="44" t="s">
        <v>546</v>
      </c>
      <c r="B187" s="44">
        <v>344</v>
      </c>
      <c r="C187" s="175">
        <v>5.0786949705806386</v>
      </c>
      <c r="D187" s="127">
        <v>0.14636934985705974</v>
      </c>
      <c r="E187" s="194">
        <v>0.1007457063236058</v>
      </c>
      <c r="F187" s="92">
        <v>3.291217998210598E-2</v>
      </c>
      <c r="G187" s="194">
        <v>0.18109079686938812</v>
      </c>
      <c r="H187" s="92">
        <v>4.1608670239530743E-2</v>
      </c>
      <c r="I187" s="194">
        <v>0.655399462745757</v>
      </c>
      <c r="J187" s="92">
        <v>5.1013066359780333E-2</v>
      </c>
      <c r="K187" s="194">
        <v>6.2764034061247961E-2</v>
      </c>
      <c r="L187" s="92">
        <v>2.6951272904558701E-2</v>
      </c>
    </row>
    <row r="188" spans="1:32">
      <c r="A188" s="40" t="s">
        <v>536</v>
      </c>
      <c r="B188" s="48">
        <v>295</v>
      </c>
      <c r="C188" s="79">
        <v>4.0138474427593804</v>
      </c>
      <c r="D188" s="80">
        <v>0.20339163248536202</v>
      </c>
      <c r="E188" s="193">
        <v>0.35806114898553071</v>
      </c>
      <c r="F188" s="89">
        <v>5.5516883739653751E-2</v>
      </c>
      <c r="G188" s="193">
        <v>0.19852060225324655</v>
      </c>
      <c r="H188" s="89">
        <v>4.6485260888969017E-2</v>
      </c>
      <c r="I188" s="193">
        <v>0.39240717722730595</v>
      </c>
      <c r="J188" s="89">
        <v>5.651311082661746E-2</v>
      </c>
      <c r="K188" s="193">
        <v>5.1011071533914987E-2</v>
      </c>
      <c r="L188" s="89">
        <v>2.6819501780120041E-2</v>
      </c>
    </row>
    <row r="189" spans="1:32">
      <c r="A189" s="44" t="s">
        <v>537</v>
      </c>
      <c r="B189" s="44">
        <v>87</v>
      </c>
      <c r="C189" s="175">
        <v>3.7389004401260055</v>
      </c>
      <c r="D189" s="127">
        <v>0.34749742415436752</v>
      </c>
      <c r="E189" s="194">
        <v>0.38213351740599988</v>
      </c>
      <c r="F189" s="92">
        <v>0.10213156123506691</v>
      </c>
      <c r="G189" s="194">
        <v>0.23698781913755426</v>
      </c>
      <c r="H189" s="92">
        <v>9.0607786838005994E-2</v>
      </c>
      <c r="I189" s="194">
        <v>0.26861731075167994</v>
      </c>
      <c r="J189" s="92">
        <v>9.4010811046409459E-2</v>
      </c>
      <c r="K189" s="194">
        <v>0.11226135270476569</v>
      </c>
      <c r="L189" s="92">
        <v>7.034766908351299E-2</v>
      </c>
    </row>
    <row r="190" spans="1:32">
      <c r="A190" s="40" t="s">
        <v>538</v>
      </c>
      <c r="B190" s="48">
        <v>90</v>
      </c>
      <c r="C190" s="79">
        <v>3.6708070581133607</v>
      </c>
      <c r="D190" s="80">
        <v>0.39612303423332212</v>
      </c>
      <c r="E190" s="193">
        <v>0.44394821126715961</v>
      </c>
      <c r="F190" s="89">
        <v>0.10254628334922328</v>
      </c>
      <c r="G190" s="193">
        <v>0.17099707393696473</v>
      </c>
      <c r="H190" s="89">
        <v>8.0099203123996154E-2</v>
      </c>
      <c r="I190" s="193">
        <v>0.35161937947979005</v>
      </c>
      <c r="J190" s="89">
        <v>9.8891106010452728E-2</v>
      </c>
      <c r="K190" s="193">
        <v>3.3435335316085849E-2</v>
      </c>
      <c r="L190" s="89">
        <v>4.6333397374359819E-2</v>
      </c>
    </row>
    <row r="191" spans="1:32">
      <c r="A191" s="44" t="s">
        <v>539</v>
      </c>
      <c r="B191" s="44">
        <v>100</v>
      </c>
      <c r="C191" s="175">
        <v>4.4107829296933527</v>
      </c>
      <c r="D191" s="127">
        <v>0.34773821925751991</v>
      </c>
      <c r="E191" s="194">
        <v>0.28073521166398563</v>
      </c>
      <c r="F191" s="92">
        <v>8.8914407225550871E-2</v>
      </c>
      <c r="G191" s="194">
        <v>0.21435900440946937</v>
      </c>
      <c r="H191" s="92">
        <v>8.1939175128803096E-2</v>
      </c>
      <c r="I191" s="194">
        <v>0.47246687186040909</v>
      </c>
      <c r="J191" s="92">
        <v>9.7920516975549071E-2</v>
      </c>
      <c r="K191" s="194">
        <v>3.2438912066136583E-2</v>
      </c>
      <c r="L191" s="92">
        <v>4.2912993208762372E-2</v>
      </c>
    </row>
    <row r="192" spans="1:32">
      <c r="A192" s="40" t="s">
        <v>540</v>
      </c>
      <c r="B192" s="195">
        <v>114</v>
      </c>
      <c r="C192" s="79">
        <v>4.5153632020581638</v>
      </c>
      <c r="D192" s="80">
        <v>0.31028312775490929</v>
      </c>
      <c r="E192" s="193">
        <v>0.26059106794226383</v>
      </c>
      <c r="F192" s="89">
        <v>8.161575426664551E-2</v>
      </c>
      <c r="G192" s="193">
        <v>0.14775179658926788</v>
      </c>
      <c r="H192" s="89">
        <v>6.7445080401405594E-2</v>
      </c>
      <c r="I192" s="193">
        <v>0.57463356818906763</v>
      </c>
      <c r="J192" s="89">
        <v>9.1095232057254658E-2</v>
      </c>
      <c r="K192" s="193">
        <v>1.7023567279400846E-2</v>
      </c>
      <c r="L192" s="89">
        <v>3.3079452541249103E-2</v>
      </c>
    </row>
    <row r="193" spans="1:45">
      <c r="A193" s="44" t="s">
        <v>541</v>
      </c>
      <c r="B193" s="196">
        <v>110</v>
      </c>
      <c r="C193" s="175">
        <v>4.4306567604086364</v>
      </c>
      <c r="D193" s="127">
        <v>0.32597334893920865</v>
      </c>
      <c r="E193" s="194">
        <v>0.28666821524214692</v>
      </c>
      <c r="F193" s="92">
        <v>8.5353184778386451E-2</v>
      </c>
      <c r="G193" s="194">
        <v>0.13856589942078298</v>
      </c>
      <c r="H193" s="92">
        <v>6.711391242850441E-2</v>
      </c>
      <c r="I193" s="194">
        <v>0.55202691001110238</v>
      </c>
      <c r="J193" s="92">
        <v>9.3185312259676287E-2</v>
      </c>
      <c r="K193" s="194">
        <v>2.2738975325967678E-2</v>
      </c>
      <c r="L193" s="92">
        <v>3.6479224006281029E-2</v>
      </c>
    </row>
    <row r="194" spans="1:45" ht="25.5" customHeight="1">
      <c r="A194" s="40" t="s">
        <v>542</v>
      </c>
      <c r="B194" s="49">
        <v>170</v>
      </c>
      <c r="C194" s="79">
        <v>4.1985994474876458</v>
      </c>
      <c r="D194" s="80">
        <v>0.27021018626291832</v>
      </c>
      <c r="E194" s="193">
        <v>0.33835985283474385</v>
      </c>
      <c r="F194" s="89">
        <v>7.1929071264664218E-2</v>
      </c>
      <c r="G194" s="193">
        <v>0.11656309132476617</v>
      </c>
      <c r="H194" s="89">
        <v>5.0208337677222263E-2</v>
      </c>
      <c r="I194" s="193">
        <v>0.51549575606710885</v>
      </c>
      <c r="J194" s="89">
        <v>7.5775044352359405E-2</v>
      </c>
      <c r="K194" s="193">
        <v>2.9581299773380854E-2</v>
      </c>
      <c r="L194" s="89">
        <v>2.9851634856737457E-2</v>
      </c>
    </row>
    <row r="195" spans="1:45">
      <c r="A195" s="44" t="s">
        <v>547</v>
      </c>
      <c r="B195" s="196">
        <v>72</v>
      </c>
      <c r="C195" s="175">
        <v>4.1062094123280675</v>
      </c>
      <c r="D195" s="127">
        <v>0.40668158680161343</v>
      </c>
      <c r="E195" s="194">
        <v>0.37269723614646821</v>
      </c>
      <c r="F195" s="92">
        <v>0.11132101717627869</v>
      </c>
      <c r="G195" s="194">
        <v>0.139296165375322</v>
      </c>
      <c r="H195" s="92">
        <v>8.3737634260496685E-2</v>
      </c>
      <c r="I195" s="194">
        <v>0.46129938734078652</v>
      </c>
      <c r="J195" s="92">
        <v>0.11439906382880409</v>
      </c>
      <c r="K195" s="194">
        <v>2.670721113742348E-2</v>
      </c>
      <c r="L195" s="92">
        <v>5.075897964688126E-2</v>
      </c>
    </row>
    <row r="196" spans="1:45">
      <c r="A196" s="52" t="s">
        <v>548</v>
      </c>
      <c r="B196" s="195">
        <v>124</v>
      </c>
      <c r="C196" s="79">
        <v>5.0492822164586153</v>
      </c>
      <c r="D196" s="80">
        <v>0.27469382854191671</v>
      </c>
      <c r="E196" s="193">
        <v>0.12890837043517264</v>
      </c>
      <c r="F196" s="89">
        <v>6.1431703279392666E-2</v>
      </c>
      <c r="G196" s="193">
        <v>0.16605673235576721</v>
      </c>
      <c r="H196" s="89">
        <v>6.7394100080237829E-2</v>
      </c>
      <c r="I196" s="193">
        <v>0.62778877724116589</v>
      </c>
      <c r="J196" s="89">
        <v>8.5636350415147069E-2</v>
      </c>
      <c r="K196" s="193">
        <v>7.7246119967894031E-2</v>
      </c>
      <c r="L196" s="89">
        <v>5.0705854425646332E-2</v>
      </c>
    </row>
    <row r="197" spans="1:45">
      <c r="A197" s="44" t="s">
        <v>549</v>
      </c>
      <c r="B197" s="196">
        <v>99</v>
      </c>
      <c r="C197" s="175">
        <v>4.2645493031544701</v>
      </c>
      <c r="D197" s="127">
        <v>0.34495295625949307</v>
      </c>
      <c r="E197" s="194">
        <v>0.27145944519893656</v>
      </c>
      <c r="F197" s="92">
        <v>8.8514647526104273E-2</v>
      </c>
      <c r="G197" s="194">
        <v>0.22308216299563788</v>
      </c>
      <c r="H197" s="92">
        <v>8.3411917423730858E-2</v>
      </c>
      <c r="I197" s="194">
        <v>0.47501193890118565</v>
      </c>
      <c r="J197" s="92">
        <v>9.8419185208885637E-2</v>
      </c>
      <c r="K197" s="194">
        <v>3.0446452904240771E-2</v>
      </c>
      <c r="L197" s="92">
        <v>4.2408851232867563E-2</v>
      </c>
    </row>
    <row r="198" spans="1:45">
      <c r="A198" s="52" t="s">
        <v>550</v>
      </c>
      <c r="B198" s="195">
        <v>131</v>
      </c>
      <c r="C198" s="79">
        <v>4.6357695233808691</v>
      </c>
      <c r="D198" s="80">
        <v>0.29581464964826232</v>
      </c>
      <c r="E198" s="193">
        <v>0.22041338817110265</v>
      </c>
      <c r="F198" s="89">
        <v>7.2294647868801715E-2</v>
      </c>
      <c r="G198" s="193">
        <v>0.17840852011649527</v>
      </c>
      <c r="H198" s="89">
        <v>6.7245659475526715E-2</v>
      </c>
      <c r="I198" s="193">
        <v>0.53939244210935688</v>
      </c>
      <c r="J198" s="89">
        <v>8.5814412948451282E-2</v>
      </c>
      <c r="K198" s="193">
        <v>6.1785649603045327E-2</v>
      </c>
      <c r="L198" s="89">
        <v>4.5274229028330795E-2</v>
      </c>
    </row>
    <row r="199" spans="1:45">
      <c r="A199" s="44" t="s">
        <v>551</v>
      </c>
      <c r="B199" s="196">
        <v>123</v>
      </c>
      <c r="C199" s="175">
        <v>4.7262792921951018</v>
      </c>
      <c r="D199" s="127">
        <v>0.30535494497431875</v>
      </c>
      <c r="E199" s="194">
        <v>0.217578883305941</v>
      </c>
      <c r="F199" s="92">
        <v>7.4280495705023472E-2</v>
      </c>
      <c r="G199" s="194">
        <v>0.19742111242618421</v>
      </c>
      <c r="H199" s="92">
        <v>7.189720901924701E-2</v>
      </c>
      <c r="I199" s="194">
        <v>0.54691988974817796</v>
      </c>
      <c r="J199" s="92">
        <v>8.8368415587939619E-2</v>
      </c>
      <c r="K199" s="194">
        <v>3.8080114519696562E-2</v>
      </c>
      <c r="L199" s="92">
        <v>3.9627789761205581E-2</v>
      </c>
    </row>
    <row r="200" spans="1:45">
      <c r="A200" s="52" t="s">
        <v>543</v>
      </c>
      <c r="B200" s="195">
        <v>167</v>
      </c>
      <c r="C200" s="79">
        <v>4.9733812012763821</v>
      </c>
      <c r="D200" s="80">
        <v>0.22473560417760402</v>
      </c>
      <c r="E200" s="193">
        <v>0.13108515007349003</v>
      </c>
      <c r="F200" s="89">
        <v>5.3024220310163156E-2</v>
      </c>
      <c r="G200" s="193">
        <v>0.16346722301170785</v>
      </c>
      <c r="H200" s="89">
        <v>5.7630029355467155E-2</v>
      </c>
      <c r="I200" s="193">
        <v>0.6409879353650122</v>
      </c>
      <c r="J200" s="89">
        <v>7.3515160805868937E-2</v>
      </c>
      <c r="K200" s="193">
        <v>6.4459691549789019E-2</v>
      </c>
      <c r="L200" s="89">
        <v>4.0197023407489721E-2</v>
      </c>
    </row>
    <row r="201" spans="1:45">
      <c r="A201" s="44" t="s">
        <v>544</v>
      </c>
      <c r="B201" s="196">
        <v>48</v>
      </c>
      <c r="C201" s="175">
        <v>5.4999688013397172</v>
      </c>
      <c r="D201" s="127">
        <v>0.38575080626183922</v>
      </c>
      <c r="E201" s="194">
        <v>9.3851999923535823E-2</v>
      </c>
      <c r="F201" s="92">
        <v>9.1754524712050284E-2</v>
      </c>
      <c r="G201" s="194">
        <v>8.3771058002967483E-2</v>
      </c>
      <c r="H201" s="92">
        <v>8.8744080224760685E-2</v>
      </c>
      <c r="I201" s="194">
        <v>0.80090021015501212</v>
      </c>
      <c r="J201" s="92">
        <v>0.11530984786291498</v>
      </c>
      <c r="K201" s="194">
        <v>2.1476731918484607E-2</v>
      </c>
      <c r="L201" s="92">
        <v>6.4978654084946449E-2</v>
      </c>
    </row>
    <row r="202" spans="1:45">
      <c r="A202" s="52" t="s">
        <v>552</v>
      </c>
      <c r="B202" s="195">
        <v>119</v>
      </c>
      <c r="C202" s="79">
        <v>4.74009522852253</v>
      </c>
      <c r="D202" s="80">
        <v>0.26595627975319969</v>
      </c>
      <c r="E202" s="193">
        <v>0.14655438838405987</v>
      </c>
      <c r="F202" s="89">
        <v>6.5783386589632634E-2</v>
      </c>
      <c r="G202" s="193">
        <v>0.19657854891331744</v>
      </c>
      <c r="H202" s="89">
        <v>7.2990922279797102E-2</v>
      </c>
      <c r="I202" s="193">
        <v>0.57454926236664783</v>
      </c>
      <c r="J202" s="89">
        <v>8.9223934839959315E-2</v>
      </c>
      <c r="K202" s="193">
        <v>8.2317800335974176E-2</v>
      </c>
      <c r="L202" s="89">
        <v>5.3100293791316741E-2</v>
      </c>
    </row>
    <row r="203" spans="1:45">
      <c r="A203" s="44" t="s">
        <v>545</v>
      </c>
      <c r="B203" s="196">
        <v>191</v>
      </c>
      <c r="C203" s="175">
        <v>4.2986374124017299</v>
      </c>
      <c r="D203" s="127">
        <v>0.25264646329774804</v>
      </c>
      <c r="E203" s="194">
        <v>0.32590683726367009</v>
      </c>
      <c r="F203" s="92">
        <v>6.7318186726298607E-2</v>
      </c>
      <c r="G203" s="194">
        <v>0.17569860289463071</v>
      </c>
      <c r="H203" s="92">
        <v>5.5303187500622721E-2</v>
      </c>
      <c r="I203" s="194">
        <v>0.45797459507406124</v>
      </c>
      <c r="J203" s="92">
        <v>7.1368394786287911E-2</v>
      </c>
      <c r="K203" s="194">
        <v>4.0419964767636943E-2</v>
      </c>
      <c r="L203" s="92">
        <v>3.1169511551220781E-2</v>
      </c>
    </row>
    <row r="204" spans="1:45">
      <c r="P204" s="242"/>
      <c r="Q204" s="242"/>
      <c r="R204" s="242"/>
      <c r="S204" s="242"/>
      <c r="T204" s="242"/>
      <c r="U204" s="242"/>
      <c r="V204" s="242"/>
      <c r="W204" s="242"/>
      <c r="X204" s="242"/>
      <c r="Y204" s="242"/>
      <c r="Z204" s="242"/>
      <c r="AA204" s="242"/>
      <c r="AB204" s="242"/>
      <c r="AC204" s="242"/>
      <c r="AD204" s="242"/>
      <c r="AE204" s="242"/>
      <c r="AF204" s="242"/>
      <c r="AG204" s="242"/>
      <c r="AH204" s="242"/>
      <c r="AI204" s="242"/>
      <c r="AJ204" s="242"/>
      <c r="AK204" s="242"/>
      <c r="AL204" s="242"/>
      <c r="AM204" s="242"/>
      <c r="AN204" s="242"/>
      <c r="AO204" s="242"/>
      <c r="AP204" s="242"/>
      <c r="AQ204" s="242"/>
      <c r="AR204" s="242"/>
      <c r="AS204" s="242"/>
    </row>
    <row r="205" spans="1:45">
      <c r="P205" s="242"/>
      <c r="Q205" s="242"/>
      <c r="R205" s="242"/>
      <c r="S205" s="242"/>
      <c r="T205" s="242"/>
      <c r="U205" s="242"/>
      <c r="V205" s="242"/>
      <c r="W205" s="242"/>
      <c r="X205" s="242"/>
      <c r="Y205" s="242"/>
      <c r="Z205" s="242"/>
      <c r="AA205" s="242"/>
      <c r="AB205" s="242"/>
      <c r="AC205" s="242"/>
      <c r="AD205" s="242"/>
      <c r="AE205" s="242"/>
      <c r="AF205" s="242"/>
      <c r="AG205" s="242"/>
      <c r="AH205" s="242"/>
      <c r="AI205" s="242"/>
      <c r="AJ205" s="242"/>
      <c r="AK205" s="242"/>
      <c r="AL205" s="242"/>
      <c r="AM205" s="242"/>
      <c r="AN205" s="242"/>
      <c r="AO205" s="242"/>
      <c r="AP205" s="242"/>
      <c r="AQ205" s="242"/>
      <c r="AR205" s="242"/>
      <c r="AS205" s="242"/>
    </row>
    <row r="206" spans="1:45" ht="18.75">
      <c r="A206" s="418" t="s">
        <v>423</v>
      </c>
      <c r="B206" s="418"/>
      <c r="C206" s="418"/>
      <c r="D206" s="418"/>
      <c r="P206" s="242"/>
      <c r="Q206" s="242"/>
      <c r="R206" s="242"/>
      <c r="S206" s="242"/>
      <c r="T206" s="242"/>
      <c r="U206" s="242"/>
      <c r="V206" s="242"/>
      <c r="W206" s="242"/>
      <c r="X206" s="242"/>
      <c r="Y206" s="242"/>
      <c r="Z206" s="242"/>
      <c r="AA206" s="242"/>
      <c r="AB206" s="242"/>
      <c r="AC206" s="242"/>
      <c r="AD206" s="242"/>
      <c r="AE206" s="242"/>
      <c r="AF206" s="242"/>
      <c r="AG206" s="242"/>
      <c r="AH206" s="242"/>
      <c r="AI206" s="242"/>
      <c r="AJ206" s="242"/>
      <c r="AK206" s="242"/>
      <c r="AL206" s="242"/>
      <c r="AM206" s="242"/>
      <c r="AN206" s="242"/>
      <c r="AO206" s="242"/>
      <c r="AP206" s="242"/>
      <c r="AQ206" s="242"/>
      <c r="AR206" s="242"/>
      <c r="AS206" s="242"/>
    </row>
    <row r="207" spans="1:45" ht="86.25" customHeight="1">
      <c r="A207" s="420" t="s">
        <v>424</v>
      </c>
      <c r="B207" s="420"/>
      <c r="C207" s="420"/>
      <c r="D207" s="420"/>
      <c r="P207" s="242"/>
      <c r="Q207" s="242"/>
      <c r="R207" s="242"/>
      <c r="S207" s="242"/>
      <c r="T207" s="242"/>
      <c r="U207" s="242"/>
      <c r="V207" s="242"/>
      <c r="W207" s="242"/>
      <c r="X207" s="242"/>
      <c r="Y207" s="242"/>
      <c r="Z207" s="242"/>
      <c r="AA207" s="242"/>
      <c r="AB207" s="242"/>
      <c r="AC207" s="242"/>
      <c r="AD207" s="242"/>
      <c r="AE207" s="242"/>
      <c r="AF207" s="242"/>
      <c r="AG207" s="242"/>
      <c r="AH207" s="242"/>
      <c r="AI207" s="242"/>
      <c r="AJ207" s="242"/>
      <c r="AK207" s="242"/>
      <c r="AL207" s="242"/>
      <c r="AM207" s="242"/>
      <c r="AN207" s="242"/>
      <c r="AO207" s="242"/>
      <c r="AP207" s="242"/>
      <c r="AQ207" s="242"/>
      <c r="AR207" s="242"/>
      <c r="AS207" s="242"/>
    </row>
    <row r="208" spans="1:45" ht="51.75" customHeight="1">
      <c r="A208" s="404" t="s">
        <v>425</v>
      </c>
      <c r="B208" s="404"/>
      <c r="C208" s="404"/>
      <c r="D208" s="404"/>
      <c r="P208" s="242"/>
      <c r="Q208" s="242"/>
      <c r="R208" s="242"/>
      <c r="S208" s="242"/>
      <c r="T208" s="242"/>
      <c r="U208" s="242"/>
      <c r="V208" s="242"/>
      <c r="W208" s="242"/>
      <c r="X208" s="242"/>
      <c r="Y208" s="242"/>
      <c r="Z208" s="242"/>
      <c r="AA208" s="242"/>
      <c r="AB208" s="242"/>
      <c r="AC208" s="242"/>
      <c r="AD208" s="242"/>
      <c r="AE208" s="242"/>
      <c r="AF208" s="242"/>
      <c r="AG208" s="242"/>
      <c r="AH208" s="242"/>
      <c r="AI208" s="242"/>
      <c r="AJ208" s="242"/>
      <c r="AK208" s="242"/>
      <c r="AL208" s="242"/>
      <c r="AM208" s="242"/>
      <c r="AN208" s="242"/>
      <c r="AO208" s="242"/>
      <c r="AP208" s="242"/>
      <c r="AQ208" s="242"/>
      <c r="AR208" s="242"/>
      <c r="AS208" s="242"/>
    </row>
    <row r="209" spans="1:45" ht="72">
      <c r="A209" s="32" t="s">
        <v>71</v>
      </c>
      <c r="B209" s="33" t="s">
        <v>72</v>
      </c>
      <c r="C209" s="34" t="s">
        <v>589</v>
      </c>
      <c r="D209" s="35" t="s">
        <v>73</v>
      </c>
      <c r="P209" s="242"/>
      <c r="Q209" s="242"/>
      <c r="R209" s="242"/>
      <c r="S209" s="242"/>
      <c r="T209" s="242"/>
      <c r="U209" s="242"/>
      <c r="V209" s="242"/>
      <c r="W209" s="242"/>
      <c r="X209" s="242"/>
      <c r="Y209" s="242"/>
      <c r="Z209" s="242"/>
      <c r="AA209" s="242"/>
      <c r="AB209" s="242"/>
      <c r="AC209" s="242"/>
      <c r="AD209" s="242"/>
      <c r="AE209" s="242"/>
      <c r="AF209" s="242"/>
      <c r="AG209" s="242"/>
      <c r="AH209" s="242"/>
      <c r="AI209" s="242"/>
      <c r="AJ209" s="242"/>
      <c r="AK209" s="242"/>
      <c r="AL209" s="242"/>
      <c r="AM209" s="242"/>
      <c r="AN209" s="242"/>
      <c r="AO209" s="242"/>
      <c r="AP209" s="242"/>
      <c r="AQ209" s="242"/>
      <c r="AR209" s="242"/>
      <c r="AS209" s="242"/>
    </row>
    <row r="210" spans="1:45" ht="72">
      <c r="A210" s="36"/>
      <c r="B210" s="37" t="s">
        <v>74</v>
      </c>
      <c r="C210" s="123" t="s">
        <v>304</v>
      </c>
      <c r="D210" s="39" t="s">
        <v>76</v>
      </c>
      <c r="P210" s="242"/>
      <c r="Q210" s="242"/>
      <c r="R210" s="242"/>
      <c r="S210" s="242"/>
      <c r="T210" s="242"/>
      <c r="U210" s="242"/>
      <c r="V210" s="242"/>
      <c r="W210" s="242"/>
      <c r="X210" s="242"/>
      <c r="Y210" s="242"/>
      <c r="Z210" s="242"/>
      <c r="AA210" s="242"/>
      <c r="AB210" s="242"/>
      <c r="AC210" s="242"/>
      <c r="AD210" s="242"/>
      <c r="AE210" s="242"/>
      <c r="AF210" s="242"/>
      <c r="AG210" s="242"/>
      <c r="AH210" s="242"/>
      <c r="AI210" s="242"/>
      <c r="AJ210" s="242"/>
      <c r="AK210" s="242"/>
      <c r="AL210" s="242"/>
      <c r="AM210" s="242"/>
      <c r="AN210" s="242"/>
      <c r="AO210" s="242"/>
      <c r="AP210" s="242"/>
      <c r="AQ210" s="242"/>
      <c r="AR210" s="242"/>
      <c r="AS210" s="242"/>
    </row>
    <row r="211" spans="1:45">
      <c r="A211" s="40" t="s">
        <v>350</v>
      </c>
      <c r="B211" s="195">
        <v>12593</v>
      </c>
      <c r="C211" s="79">
        <v>5.1060011985267124</v>
      </c>
      <c r="D211" s="80">
        <v>2.7925078840023133E-2</v>
      </c>
      <c r="P211" s="242"/>
      <c r="Q211" s="242"/>
      <c r="R211" s="242"/>
      <c r="S211" s="242"/>
      <c r="T211" s="242"/>
      <c r="U211" s="242"/>
      <c r="V211" s="242"/>
      <c r="W211" s="242"/>
      <c r="X211" s="242"/>
      <c r="Y211" s="242"/>
      <c r="Z211" s="242"/>
      <c r="AA211" s="242"/>
      <c r="AB211" s="242"/>
      <c r="AC211" s="242"/>
      <c r="AD211" s="242"/>
      <c r="AE211" s="242"/>
      <c r="AF211" s="242"/>
      <c r="AG211" s="242"/>
      <c r="AH211" s="242"/>
      <c r="AI211" s="242"/>
      <c r="AJ211" s="242"/>
      <c r="AK211" s="242"/>
      <c r="AL211" s="242"/>
      <c r="AM211" s="242"/>
      <c r="AN211" s="242"/>
      <c r="AO211" s="242"/>
      <c r="AP211" s="242"/>
      <c r="AQ211" s="242"/>
      <c r="AR211" s="242"/>
      <c r="AS211" s="242"/>
    </row>
    <row r="212" spans="1:45">
      <c r="A212" s="44" t="s">
        <v>351</v>
      </c>
      <c r="B212" s="44">
        <v>9432</v>
      </c>
      <c r="C212" s="175">
        <v>4.9040010505054754</v>
      </c>
      <c r="D212" s="127">
        <v>3.3560466122883263E-2</v>
      </c>
      <c r="P212" s="242"/>
      <c r="Q212" s="242"/>
      <c r="R212" s="242"/>
      <c r="S212" s="242"/>
      <c r="T212" s="242"/>
      <c r="U212" s="242"/>
      <c r="V212" s="242"/>
      <c r="W212" s="242"/>
      <c r="X212" s="242"/>
      <c r="Y212" s="242"/>
      <c r="Z212" s="242"/>
      <c r="AA212" s="242"/>
      <c r="AB212" s="242"/>
      <c r="AC212" s="242"/>
      <c r="AD212" s="242"/>
      <c r="AE212" s="242"/>
      <c r="AF212" s="242"/>
      <c r="AG212" s="242"/>
      <c r="AH212" s="242"/>
      <c r="AI212" s="242"/>
      <c r="AJ212" s="242"/>
      <c r="AK212" s="242"/>
      <c r="AL212" s="242"/>
      <c r="AM212" s="242"/>
      <c r="AN212" s="242"/>
      <c r="AO212" s="242"/>
      <c r="AP212" s="242"/>
      <c r="AQ212" s="242"/>
      <c r="AR212" s="242"/>
      <c r="AS212" s="242"/>
    </row>
    <row r="213" spans="1:45">
      <c r="A213" s="40" t="s">
        <v>352</v>
      </c>
      <c r="B213" s="48">
        <v>3161</v>
      </c>
      <c r="C213" s="79">
        <v>5.2769408652534873</v>
      </c>
      <c r="D213" s="80">
        <v>4.6376554682555408E-2</v>
      </c>
      <c r="P213" s="242"/>
      <c r="Q213" s="242"/>
      <c r="R213" s="242"/>
      <c r="S213" s="242"/>
      <c r="T213" s="242"/>
      <c r="U213" s="242"/>
      <c r="V213" s="242"/>
      <c r="W213" s="242"/>
      <c r="X213" s="242"/>
      <c r="Y213" s="242"/>
      <c r="Z213" s="242"/>
      <c r="AA213" s="242"/>
      <c r="AB213" s="242"/>
      <c r="AC213" s="242"/>
      <c r="AD213" s="242"/>
      <c r="AE213" s="242"/>
      <c r="AF213" s="242"/>
      <c r="AG213" s="242"/>
      <c r="AH213" s="242"/>
      <c r="AI213" s="242"/>
      <c r="AJ213" s="242"/>
      <c r="AK213" s="242"/>
      <c r="AL213" s="242"/>
      <c r="AM213" s="242"/>
      <c r="AN213" s="242"/>
      <c r="AO213" s="242"/>
      <c r="AP213" s="242"/>
      <c r="AQ213" s="242"/>
      <c r="AR213" s="242"/>
      <c r="AS213" s="242"/>
    </row>
    <row r="214" spans="1:45">
      <c r="A214" s="44" t="s">
        <v>534</v>
      </c>
      <c r="B214" s="44">
        <v>1707</v>
      </c>
      <c r="C214" s="175">
        <v>5.019278127855527</v>
      </c>
      <c r="D214" s="127">
        <v>7.5919395709080906E-2</v>
      </c>
      <c r="P214" s="242"/>
      <c r="Q214" s="242"/>
      <c r="R214" s="242"/>
      <c r="S214" s="242"/>
      <c r="T214" s="242"/>
      <c r="U214" s="242"/>
      <c r="V214" s="242"/>
      <c r="W214" s="242"/>
      <c r="X214" s="242"/>
      <c r="Y214" s="242"/>
      <c r="Z214" s="242"/>
      <c r="AA214" s="242"/>
      <c r="AB214" s="242"/>
      <c r="AC214" s="242"/>
      <c r="AD214" s="242"/>
      <c r="AE214" s="242"/>
      <c r="AF214" s="242"/>
      <c r="AG214" s="242"/>
      <c r="AH214" s="242"/>
      <c r="AI214" s="242"/>
      <c r="AJ214" s="242"/>
      <c r="AK214" s="242"/>
      <c r="AL214" s="242"/>
      <c r="AM214" s="242"/>
      <c r="AN214" s="242"/>
      <c r="AO214" s="242"/>
      <c r="AP214" s="242"/>
      <c r="AQ214" s="242"/>
      <c r="AR214" s="242"/>
      <c r="AS214" s="242"/>
    </row>
    <row r="215" spans="1:45">
      <c r="A215" s="40" t="s">
        <v>535</v>
      </c>
      <c r="B215" s="48">
        <v>1402</v>
      </c>
      <c r="C215" s="79">
        <v>4.9284991835229519</v>
      </c>
      <c r="D215" s="80">
        <v>8.636340286924464E-2</v>
      </c>
      <c r="P215" s="242"/>
      <c r="Q215" s="242"/>
      <c r="R215" s="242"/>
      <c r="S215" s="242"/>
      <c r="T215" s="242"/>
      <c r="U215" s="242"/>
      <c r="V215" s="242"/>
      <c r="W215" s="242"/>
      <c r="X215" s="242"/>
      <c r="Y215" s="242"/>
      <c r="Z215" s="242"/>
      <c r="AA215" s="242"/>
      <c r="AB215" s="242"/>
      <c r="AC215" s="242"/>
      <c r="AD215" s="242"/>
      <c r="AE215" s="242"/>
      <c r="AF215" s="242"/>
      <c r="AG215" s="242"/>
      <c r="AH215" s="242"/>
      <c r="AI215" s="242"/>
      <c r="AJ215" s="242"/>
      <c r="AK215" s="242"/>
      <c r="AL215" s="242"/>
      <c r="AM215" s="242"/>
      <c r="AN215" s="242"/>
      <c r="AO215" s="242"/>
      <c r="AP215" s="242"/>
      <c r="AQ215" s="242"/>
      <c r="AR215" s="242"/>
      <c r="AS215" s="242"/>
    </row>
    <row r="216" spans="1:45">
      <c r="A216" s="44" t="s">
        <v>546</v>
      </c>
      <c r="B216" s="44">
        <v>308</v>
      </c>
      <c r="C216" s="175">
        <v>5.2989294662763484</v>
      </c>
      <c r="D216" s="127">
        <v>0.14234748523365662</v>
      </c>
      <c r="P216" s="242"/>
      <c r="Q216" s="242"/>
      <c r="R216" s="242"/>
      <c r="S216" s="242"/>
      <c r="T216" s="242"/>
      <c r="U216" s="242"/>
      <c r="V216" s="242"/>
      <c r="W216" s="242"/>
      <c r="X216" s="242"/>
      <c r="Y216" s="242"/>
      <c r="Z216" s="242"/>
      <c r="AA216" s="242"/>
      <c r="AB216" s="242"/>
      <c r="AC216" s="242"/>
      <c r="AD216" s="242"/>
      <c r="AE216" s="242"/>
      <c r="AF216" s="242"/>
      <c r="AG216" s="242"/>
      <c r="AH216" s="242"/>
      <c r="AI216" s="242"/>
      <c r="AJ216" s="242"/>
      <c r="AK216" s="242"/>
      <c r="AL216" s="242"/>
      <c r="AM216" s="242"/>
      <c r="AN216" s="242"/>
      <c r="AO216" s="242"/>
      <c r="AP216" s="242"/>
      <c r="AQ216" s="242"/>
      <c r="AR216" s="242"/>
      <c r="AS216" s="242"/>
    </row>
    <row r="217" spans="1:45">
      <c r="A217" s="40" t="s">
        <v>536</v>
      </c>
      <c r="B217" s="48">
        <v>282</v>
      </c>
      <c r="C217" s="79">
        <v>4.5356393839328364</v>
      </c>
      <c r="D217" s="80">
        <v>0.20288995397615148</v>
      </c>
      <c r="P217" s="242"/>
      <c r="Q217" s="242"/>
      <c r="R217" s="242"/>
      <c r="S217" s="242"/>
      <c r="T217" s="242"/>
      <c r="U217" s="242"/>
      <c r="V217" s="242"/>
      <c r="W217" s="242"/>
      <c r="X217" s="242"/>
      <c r="Y217" s="242"/>
      <c r="Z217" s="242"/>
      <c r="AA217" s="242"/>
      <c r="AB217" s="242"/>
      <c r="AC217" s="242"/>
      <c r="AD217" s="242"/>
      <c r="AE217" s="242"/>
      <c r="AF217" s="242"/>
      <c r="AG217" s="242"/>
      <c r="AH217" s="242"/>
      <c r="AI217" s="242"/>
      <c r="AJ217" s="242"/>
      <c r="AK217" s="242"/>
      <c r="AL217" s="242"/>
      <c r="AM217" s="242"/>
      <c r="AN217" s="242"/>
      <c r="AO217" s="242"/>
      <c r="AP217" s="242"/>
      <c r="AQ217" s="242"/>
      <c r="AR217" s="242"/>
      <c r="AS217" s="242"/>
    </row>
    <row r="218" spans="1:45">
      <c r="A218" s="44" t="s">
        <v>537</v>
      </c>
      <c r="B218" s="44">
        <v>85</v>
      </c>
      <c r="C218" s="175">
        <v>3.934205774151931</v>
      </c>
      <c r="D218" s="127">
        <v>0.38980585473146701</v>
      </c>
      <c r="P218" s="242"/>
      <c r="Q218" s="242"/>
      <c r="R218" s="242"/>
      <c r="S218" s="242"/>
      <c r="T218" s="242"/>
      <c r="U218" s="242"/>
      <c r="V218" s="242"/>
      <c r="W218" s="242"/>
      <c r="X218" s="242"/>
      <c r="Y218" s="242"/>
      <c r="Z218" s="242"/>
      <c r="AA218" s="242"/>
      <c r="AB218" s="242"/>
      <c r="AC218" s="242"/>
      <c r="AD218" s="242"/>
      <c r="AE218" s="242"/>
      <c r="AF218" s="242"/>
      <c r="AG218" s="242"/>
      <c r="AH218" s="242"/>
      <c r="AI218" s="242"/>
      <c r="AJ218" s="242"/>
      <c r="AK218" s="242"/>
      <c r="AL218" s="242"/>
      <c r="AM218" s="242"/>
      <c r="AN218" s="242"/>
      <c r="AO218" s="242"/>
      <c r="AP218" s="242"/>
      <c r="AQ218" s="242"/>
      <c r="AR218" s="242"/>
      <c r="AS218" s="242"/>
    </row>
    <row r="219" spans="1:45">
      <c r="A219" s="40" t="s">
        <v>538</v>
      </c>
      <c r="B219" s="48">
        <v>85</v>
      </c>
      <c r="C219" s="79">
        <v>4.7088214255525118</v>
      </c>
      <c r="D219" s="80">
        <v>0.34259549388992167</v>
      </c>
      <c r="P219" s="242"/>
      <c r="Q219" s="242"/>
      <c r="R219" s="242"/>
      <c r="S219" s="242"/>
      <c r="T219" s="242"/>
      <c r="U219" s="242"/>
      <c r="V219" s="242"/>
      <c r="W219" s="242"/>
      <c r="X219" s="242"/>
      <c r="Y219" s="242"/>
      <c r="Z219" s="242"/>
      <c r="AA219" s="242"/>
      <c r="AB219" s="242"/>
      <c r="AC219" s="242"/>
      <c r="AD219" s="242"/>
      <c r="AE219" s="242"/>
      <c r="AF219" s="242"/>
      <c r="AG219" s="242"/>
      <c r="AH219" s="242"/>
      <c r="AI219" s="242"/>
      <c r="AJ219" s="242"/>
      <c r="AK219" s="242"/>
      <c r="AL219" s="242"/>
      <c r="AM219" s="242"/>
      <c r="AN219" s="242"/>
      <c r="AO219" s="242"/>
      <c r="AP219" s="242"/>
      <c r="AQ219" s="242"/>
      <c r="AR219" s="242"/>
      <c r="AS219" s="242"/>
    </row>
    <row r="220" spans="1:45">
      <c r="A220" s="44" t="s">
        <v>539</v>
      </c>
      <c r="B220" s="44">
        <v>94</v>
      </c>
      <c r="C220" s="175">
        <v>4.9986986301151344</v>
      </c>
      <c r="D220" s="127">
        <v>0.31024658300219599</v>
      </c>
      <c r="P220" s="242"/>
      <c r="Q220" s="242"/>
      <c r="R220" s="242"/>
      <c r="S220" s="242"/>
      <c r="T220" s="242"/>
      <c r="U220" s="242"/>
      <c r="V220" s="242"/>
      <c r="W220" s="242"/>
      <c r="X220" s="242"/>
      <c r="Y220" s="242"/>
      <c r="Z220" s="242"/>
      <c r="AA220" s="242"/>
      <c r="AB220" s="242"/>
      <c r="AC220" s="242"/>
      <c r="AD220" s="242"/>
      <c r="AE220" s="242"/>
      <c r="AF220" s="242"/>
      <c r="AG220" s="242"/>
      <c r="AH220" s="242"/>
      <c r="AI220" s="242"/>
      <c r="AJ220" s="242"/>
      <c r="AK220" s="242"/>
      <c r="AL220" s="242"/>
      <c r="AM220" s="242"/>
      <c r="AN220" s="242"/>
      <c r="AO220" s="242"/>
      <c r="AP220" s="242"/>
      <c r="AQ220" s="242"/>
      <c r="AR220" s="242"/>
      <c r="AS220" s="242"/>
    </row>
    <row r="221" spans="1:45">
      <c r="A221" s="40" t="s">
        <v>540</v>
      </c>
      <c r="B221" s="195">
        <v>108</v>
      </c>
      <c r="C221" s="79">
        <v>4.7512377885964305</v>
      </c>
      <c r="D221" s="80">
        <v>0.31154540545277032</v>
      </c>
      <c r="P221" s="242"/>
      <c r="Q221" s="242"/>
      <c r="R221" s="242"/>
      <c r="S221" s="242"/>
      <c r="T221" s="242"/>
      <c r="U221" s="242"/>
      <c r="V221" s="242"/>
      <c r="W221" s="242"/>
      <c r="X221" s="242"/>
      <c r="Y221" s="242"/>
      <c r="Z221" s="242"/>
      <c r="AA221" s="242"/>
      <c r="AB221" s="242"/>
      <c r="AC221" s="242"/>
      <c r="AD221" s="242"/>
      <c r="AE221" s="242"/>
      <c r="AF221" s="242"/>
      <c r="AG221" s="242"/>
      <c r="AH221" s="242"/>
      <c r="AI221" s="242"/>
      <c r="AJ221" s="242"/>
      <c r="AK221" s="242"/>
      <c r="AL221" s="242"/>
      <c r="AM221" s="242"/>
      <c r="AN221" s="242"/>
      <c r="AO221" s="242"/>
      <c r="AP221" s="242"/>
      <c r="AQ221" s="242"/>
      <c r="AR221" s="242"/>
      <c r="AS221" s="242"/>
    </row>
    <row r="222" spans="1:45">
      <c r="A222" s="44" t="s">
        <v>541</v>
      </c>
      <c r="B222" s="196">
        <v>102</v>
      </c>
      <c r="C222" s="175">
        <v>4.6341695887591667</v>
      </c>
      <c r="D222" s="127">
        <v>0.36413548538189239</v>
      </c>
      <c r="P222" s="242"/>
      <c r="Q222" s="242"/>
      <c r="R222" s="242"/>
      <c r="S222" s="242"/>
      <c r="T222" s="242"/>
      <c r="U222" s="242"/>
      <c r="V222" s="242"/>
      <c r="W222" s="242"/>
      <c r="X222" s="242"/>
      <c r="Y222" s="242"/>
      <c r="Z222" s="242"/>
      <c r="AA222" s="242"/>
      <c r="AB222" s="242"/>
      <c r="AC222" s="242"/>
      <c r="AD222" s="242"/>
      <c r="AE222" s="242"/>
      <c r="AF222" s="242"/>
      <c r="AG222" s="242"/>
      <c r="AH222" s="242"/>
      <c r="AI222" s="242"/>
      <c r="AJ222" s="242"/>
      <c r="AK222" s="242"/>
      <c r="AL222" s="242"/>
      <c r="AM222" s="242"/>
      <c r="AN222" s="242"/>
      <c r="AO222" s="242"/>
      <c r="AP222" s="242"/>
      <c r="AQ222" s="242"/>
      <c r="AR222" s="242"/>
      <c r="AS222" s="242"/>
    </row>
    <row r="223" spans="1:45">
      <c r="A223" s="40" t="s">
        <v>542</v>
      </c>
      <c r="B223" s="49">
        <v>158</v>
      </c>
      <c r="C223" s="79">
        <v>4.6740320486727676</v>
      </c>
      <c r="D223" s="80">
        <v>0.24695738278891771</v>
      </c>
      <c r="P223" s="242"/>
      <c r="Q223" s="242"/>
      <c r="R223" s="242"/>
      <c r="S223" s="242"/>
      <c r="T223" s="242"/>
      <c r="U223" s="242"/>
      <c r="V223" s="242"/>
      <c r="W223" s="242"/>
      <c r="X223" s="242"/>
      <c r="Y223" s="242"/>
      <c r="Z223" s="242"/>
      <c r="AA223" s="242"/>
      <c r="AB223" s="242"/>
      <c r="AC223" s="242"/>
      <c r="AD223" s="242"/>
      <c r="AE223" s="242"/>
      <c r="AF223" s="242"/>
      <c r="AG223" s="242"/>
      <c r="AH223" s="242"/>
      <c r="AI223" s="242"/>
      <c r="AJ223" s="242"/>
      <c r="AK223" s="242"/>
      <c r="AL223" s="242"/>
      <c r="AM223" s="242"/>
      <c r="AN223" s="242"/>
      <c r="AO223" s="242"/>
      <c r="AP223" s="242"/>
      <c r="AQ223" s="242"/>
      <c r="AR223" s="242"/>
      <c r="AS223" s="242"/>
    </row>
    <row r="224" spans="1:45">
      <c r="A224" s="44" t="s">
        <v>547</v>
      </c>
      <c r="B224" s="196">
        <v>67</v>
      </c>
      <c r="C224" s="175">
        <v>5.0000145351255822</v>
      </c>
      <c r="D224" s="127">
        <v>0.30864860669241906</v>
      </c>
      <c r="P224" s="242"/>
      <c r="Q224" s="242"/>
      <c r="R224" s="242"/>
      <c r="S224" s="242"/>
      <c r="T224" s="242"/>
      <c r="U224" s="242"/>
      <c r="V224" s="242"/>
      <c r="W224" s="242"/>
      <c r="X224" s="242"/>
      <c r="Y224" s="242"/>
      <c r="Z224" s="242"/>
      <c r="AA224" s="242"/>
      <c r="AB224" s="242"/>
      <c r="AC224" s="242"/>
      <c r="AD224" s="242"/>
      <c r="AE224" s="242"/>
      <c r="AF224" s="242"/>
      <c r="AG224" s="242"/>
      <c r="AH224" s="242"/>
      <c r="AI224" s="242"/>
      <c r="AJ224" s="242"/>
      <c r="AK224" s="242"/>
      <c r="AL224" s="242"/>
      <c r="AM224" s="242"/>
      <c r="AN224" s="242"/>
      <c r="AO224" s="242"/>
      <c r="AP224" s="242"/>
      <c r="AQ224" s="242"/>
      <c r="AR224" s="242"/>
      <c r="AS224" s="242"/>
    </row>
    <row r="225" spans="1:45">
      <c r="A225" s="52" t="s">
        <v>548</v>
      </c>
      <c r="B225" s="195">
        <v>108</v>
      </c>
      <c r="C225" s="79">
        <v>5.3943113671931062</v>
      </c>
      <c r="D225" s="80">
        <v>0.25851029321085145</v>
      </c>
      <c r="P225" s="242"/>
      <c r="Q225" s="242"/>
      <c r="R225" s="242"/>
      <c r="S225" s="242"/>
      <c r="T225" s="242"/>
      <c r="U225" s="242"/>
      <c r="V225" s="242"/>
      <c r="W225" s="242"/>
      <c r="X225" s="242"/>
      <c r="Y225" s="242"/>
      <c r="Z225" s="242"/>
      <c r="AA225" s="242"/>
      <c r="AB225" s="242"/>
      <c r="AC225" s="242"/>
      <c r="AD225" s="242"/>
      <c r="AE225" s="242"/>
      <c r="AF225" s="242"/>
      <c r="AG225" s="242"/>
      <c r="AH225" s="242"/>
      <c r="AI225" s="242"/>
      <c r="AJ225" s="242"/>
      <c r="AK225" s="242"/>
      <c r="AL225" s="242"/>
      <c r="AM225" s="242"/>
      <c r="AN225" s="242"/>
      <c r="AO225" s="242"/>
      <c r="AP225" s="242"/>
      <c r="AQ225" s="242"/>
      <c r="AR225" s="242"/>
      <c r="AS225" s="242"/>
    </row>
    <row r="226" spans="1:45">
      <c r="A226" s="44" t="s">
        <v>549</v>
      </c>
      <c r="B226" s="196">
        <v>93</v>
      </c>
      <c r="C226" s="175">
        <v>4.5298120930094878</v>
      </c>
      <c r="D226" s="127">
        <v>0.35209838626857315</v>
      </c>
      <c r="P226" s="242"/>
      <c r="Q226" s="242"/>
      <c r="R226" s="242"/>
      <c r="S226" s="242"/>
      <c r="T226" s="242"/>
      <c r="U226" s="242"/>
      <c r="V226" s="242"/>
      <c r="W226" s="242"/>
      <c r="X226" s="242"/>
      <c r="Y226" s="242"/>
      <c r="Z226" s="242"/>
      <c r="AA226" s="242"/>
      <c r="AB226" s="242"/>
      <c r="AC226" s="242"/>
      <c r="AD226" s="242"/>
      <c r="AE226" s="242"/>
      <c r="AF226" s="242"/>
      <c r="AG226" s="242"/>
      <c r="AH226" s="242"/>
      <c r="AI226" s="242"/>
      <c r="AJ226" s="242"/>
      <c r="AK226" s="242"/>
      <c r="AL226" s="242"/>
      <c r="AM226" s="242"/>
      <c r="AN226" s="242"/>
      <c r="AO226" s="242"/>
      <c r="AP226" s="242"/>
      <c r="AQ226" s="242"/>
      <c r="AR226" s="242"/>
      <c r="AS226" s="242"/>
    </row>
    <row r="227" spans="1:45">
      <c r="A227" s="52" t="s">
        <v>550</v>
      </c>
      <c r="B227" s="195">
        <v>115</v>
      </c>
      <c r="C227" s="79">
        <v>5.0153224235564551</v>
      </c>
      <c r="D227" s="80">
        <v>0.26875199496166419</v>
      </c>
      <c r="P227" s="242"/>
      <c r="Q227" s="242"/>
      <c r="R227" s="242"/>
      <c r="S227" s="242"/>
      <c r="T227" s="242"/>
      <c r="U227" s="242"/>
      <c r="V227" s="242"/>
      <c r="W227" s="242"/>
      <c r="X227" s="242"/>
      <c r="Y227" s="242"/>
      <c r="Z227" s="242"/>
      <c r="AA227" s="242"/>
      <c r="AB227" s="242"/>
      <c r="AC227" s="242"/>
      <c r="AD227" s="242"/>
      <c r="AE227" s="242"/>
      <c r="AF227" s="242"/>
      <c r="AG227" s="242"/>
      <c r="AH227" s="242"/>
      <c r="AI227" s="242"/>
      <c r="AJ227" s="242"/>
      <c r="AK227" s="242"/>
      <c r="AL227" s="242"/>
      <c r="AM227" s="242"/>
      <c r="AN227" s="242"/>
      <c r="AO227" s="242"/>
      <c r="AP227" s="242"/>
      <c r="AQ227" s="242"/>
      <c r="AR227" s="242"/>
      <c r="AS227" s="242"/>
    </row>
    <row r="228" spans="1:45">
      <c r="A228" s="44" t="s">
        <v>551</v>
      </c>
      <c r="B228" s="196">
        <v>109</v>
      </c>
      <c r="C228" s="175">
        <v>5.3211782319450212</v>
      </c>
      <c r="D228" s="127">
        <v>0.26571006961922233</v>
      </c>
      <c r="P228" s="242"/>
      <c r="Q228" s="242"/>
      <c r="R228" s="242"/>
      <c r="S228" s="242"/>
      <c r="T228" s="242"/>
      <c r="U228" s="242"/>
      <c r="V228" s="242"/>
      <c r="W228" s="242"/>
      <c r="X228" s="242"/>
      <c r="Y228" s="242"/>
      <c r="Z228" s="242"/>
      <c r="AA228" s="242"/>
      <c r="AB228" s="242"/>
      <c r="AC228" s="242"/>
      <c r="AD228" s="242"/>
      <c r="AE228" s="242"/>
      <c r="AF228" s="242"/>
      <c r="AG228" s="242"/>
      <c r="AH228" s="242"/>
      <c r="AI228" s="242"/>
      <c r="AJ228" s="242"/>
      <c r="AK228" s="242"/>
      <c r="AL228" s="242"/>
      <c r="AM228" s="242"/>
      <c r="AN228" s="242"/>
      <c r="AO228" s="242"/>
      <c r="AP228" s="242"/>
      <c r="AQ228" s="242"/>
      <c r="AR228" s="242"/>
      <c r="AS228" s="242"/>
    </row>
    <row r="229" spans="1:45">
      <c r="A229" s="52" t="s">
        <v>543</v>
      </c>
      <c r="B229" s="195">
        <v>152</v>
      </c>
      <c r="C229" s="79">
        <v>5.1097533818653895</v>
      </c>
      <c r="D229" s="80">
        <v>0.23172541630625787</v>
      </c>
      <c r="P229" s="242"/>
      <c r="Q229" s="242"/>
      <c r="R229" s="242"/>
      <c r="S229" s="242"/>
      <c r="T229" s="242"/>
      <c r="U229" s="242"/>
      <c r="V229" s="242"/>
      <c r="W229" s="242"/>
      <c r="X229" s="242"/>
      <c r="Y229" s="242"/>
      <c r="Z229" s="242"/>
      <c r="AA229" s="242"/>
      <c r="AB229" s="242"/>
      <c r="AC229" s="242"/>
      <c r="AD229" s="242"/>
      <c r="AE229" s="242"/>
      <c r="AF229" s="242"/>
      <c r="AG229" s="242"/>
      <c r="AH229" s="242"/>
      <c r="AI229" s="242"/>
      <c r="AJ229" s="242"/>
      <c r="AK229" s="242"/>
      <c r="AL229" s="242"/>
      <c r="AM229" s="242"/>
      <c r="AN229" s="242"/>
      <c r="AO229" s="242"/>
      <c r="AP229" s="242"/>
      <c r="AQ229" s="242"/>
      <c r="AR229" s="242"/>
      <c r="AS229" s="242"/>
    </row>
    <row r="230" spans="1:45">
      <c r="A230" s="44" t="s">
        <v>544</v>
      </c>
      <c r="B230" s="196">
        <v>44</v>
      </c>
      <c r="C230" s="175">
        <v>5.110707240194615</v>
      </c>
      <c r="D230" s="127">
        <v>0.39552051647727376</v>
      </c>
      <c r="P230" s="242"/>
      <c r="Q230" s="242"/>
      <c r="R230" s="242"/>
      <c r="S230" s="242"/>
      <c r="T230" s="242"/>
      <c r="U230" s="242"/>
      <c r="V230" s="242"/>
      <c r="W230" s="242"/>
      <c r="X230" s="242"/>
      <c r="Y230" s="242"/>
      <c r="Z230" s="242"/>
      <c r="AA230" s="242"/>
      <c r="AB230" s="242"/>
      <c r="AC230" s="242"/>
      <c r="AD230" s="242"/>
      <c r="AE230" s="242"/>
      <c r="AF230" s="242"/>
      <c r="AG230" s="242"/>
      <c r="AH230" s="242"/>
      <c r="AI230" s="242"/>
      <c r="AJ230" s="242"/>
      <c r="AK230" s="242"/>
      <c r="AL230" s="242"/>
      <c r="AM230" s="242"/>
      <c r="AN230" s="242"/>
      <c r="AO230" s="242"/>
      <c r="AP230" s="242"/>
      <c r="AQ230" s="242"/>
      <c r="AR230" s="242"/>
      <c r="AS230" s="242"/>
    </row>
    <row r="231" spans="1:45">
      <c r="A231" s="52" t="s">
        <v>552</v>
      </c>
      <c r="B231" s="195">
        <v>108</v>
      </c>
      <c r="C231" s="79">
        <v>5.1093405216549224</v>
      </c>
      <c r="D231" s="80">
        <v>0.28462095290050887</v>
      </c>
      <c r="P231" s="242"/>
      <c r="Q231" s="242"/>
      <c r="R231" s="242"/>
      <c r="S231" s="242"/>
      <c r="T231" s="242"/>
      <c r="U231" s="242"/>
      <c r="V231" s="242"/>
      <c r="W231" s="242"/>
      <c r="X231" s="242"/>
      <c r="Y231" s="242"/>
      <c r="Z231" s="242"/>
      <c r="AA231" s="242"/>
      <c r="AB231" s="242"/>
      <c r="AC231" s="242"/>
      <c r="AD231" s="242"/>
      <c r="AE231" s="242"/>
      <c r="AF231" s="242"/>
      <c r="AG231" s="242"/>
      <c r="AH231" s="242"/>
      <c r="AI231" s="242"/>
      <c r="AJ231" s="242"/>
      <c r="AK231" s="242"/>
      <c r="AL231" s="242"/>
      <c r="AM231" s="242"/>
      <c r="AN231" s="242"/>
      <c r="AO231" s="242"/>
      <c r="AP231" s="242"/>
      <c r="AQ231" s="242"/>
      <c r="AR231" s="242"/>
      <c r="AS231" s="242"/>
    </row>
    <row r="232" spans="1:45">
      <c r="A232" s="44" t="s">
        <v>545</v>
      </c>
      <c r="B232" s="196">
        <v>171</v>
      </c>
      <c r="C232" s="175">
        <v>4.787473492350645</v>
      </c>
      <c r="D232" s="127">
        <v>0.25010041793610593</v>
      </c>
      <c r="P232" s="242"/>
      <c r="Q232" s="242"/>
      <c r="R232" s="242"/>
      <c r="S232" s="242"/>
      <c r="T232" s="242"/>
      <c r="U232" s="242"/>
      <c r="V232" s="242"/>
      <c r="W232" s="242"/>
      <c r="X232" s="242"/>
      <c r="Y232" s="242"/>
      <c r="Z232" s="242"/>
      <c r="AA232" s="242"/>
      <c r="AB232" s="242"/>
      <c r="AC232" s="242"/>
      <c r="AD232" s="242"/>
      <c r="AE232" s="242"/>
      <c r="AF232" s="242"/>
      <c r="AG232" s="242"/>
      <c r="AH232" s="242"/>
      <c r="AI232" s="242"/>
      <c r="AJ232" s="242"/>
      <c r="AK232" s="242"/>
      <c r="AL232" s="242"/>
      <c r="AM232" s="242"/>
      <c r="AN232" s="242"/>
      <c r="AO232" s="242"/>
      <c r="AP232" s="242"/>
      <c r="AQ232" s="242"/>
      <c r="AR232" s="242"/>
      <c r="AS232" s="242"/>
    </row>
    <row r="233" spans="1:45">
      <c r="P233" s="242"/>
      <c r="Q233" s="242"/>
      <c r="R233" s="242"/>
      <c r="S233" s="242"/>
      <c r="T233" s="242"/>
      <c r="U233" s="242"/>
      <c r="V233" s="242"/>
      <c r="W233" s="242"/>
      <c r="X233" s="242"/>
      <c r="Y233" s="242"/>
      <c r="Z233" s="242"/>
      <c r="AA233" s="242"/>
      <c r="AB233" s="242"/>
      <c r="AC233" s="242"/>
      <c r="AD233" s="242"/>
      <c r="AE233" s="242"/>
      <c r="AF233" s="242"/>
      <c r="AG233" s="242"/>
      <c r="AH233" s="242"/>
      <c r="AI233" s="242"/>
      <c r="AJ233" s="242"/>
      <c r="AK233" s="242"/>
      <c r="AL233" s="242"/>
      <c r="AM233" s="242"/>
      <c r="AN233" s="242"/>
      <c r="AO233" s="242"/>
      <c r="AP233" s="242"/>
      <c r="AQ233" s="242"/>
      <c r="AR233" s="242"/>
      <c r="AS233" s="242"/>
    </row>
    <row r="234" spans="1:45">
      <c r="P234" s="242"/>
      <c r="Q234" s="242"/>
      <c r="R234" s="242"/>
      <c r="S234" s="242"/>
      <c r="T234" s="242"/>
      <c r="U234" s="242"/>
      <c r="V234" s="242"/>
      <c r="W234" s="242"/>
      <c r="X234" s="242"/>
      <c r="Y234" s="242"/>
      <c r="Z234" s="242"/>
      <c r="AA234" s="242"/>
      <c r="AB234" s="242"/>
      <c r="AC234" s="242"/>
      <c r="AD234" s="242"/>
      <c r="AE234" s="242"/>
      <c r="AF234" s="242"/>
      <c r="AG234" s="242"/>
      <c r="AH234" s="242"/>
      <c r="AI234" s="242"/>
      <c r="AJ234" s="242"/>
      <c r="AK234" s="242"/>
      <c r="AL234" s="242"/>
      <c r="AM234" s="242"/>
      <c r="AN234" s="242"/>
      <c r="AO234" s="242"/>
      <c r="AP234" s="242"/>
      <c r="AQ234" s="242"/>
      <c r="AR234" s="242"/>
      <c r="AS234" s="242"/>
    </row>
    <row r="235" spans="1:45" ht="18.75">
      <c r="A235" s="418" t="s">
        <v>426</v>
      </c>
      <c r="B235" s="418"/>
      <c r="C235" s="418"/>
      <c r="D235" s="418"/>
      <c r="E235" s="418"/>
      <c r="F235" s="418"/>
      <c r="G235" s="418"/>
      <c r="H235" s="418"/>
      <c r="I235" s="418"/>
      <c r="J235" s="418"/>
      <c r="K235" s="418"/>
      <c r="L235" s="418"/>
      <c r="M235" s="418"/>
      <c r="N235" s="418"/>
      <c r="O235" s="418"/>
      <c r="P235" s="418"/>
      <c r="Q235" s="418"/>
      <c r="R235" s="418"/>
      <c r="S235" s="418"/>
      <c r="T235" s="242"/>
      <c r="U235" s="242"/>
      <c r="V235" s="242"/>
      <c r="W235" s="242"/>
      <c r="X235" s="242"/>
      <c r="Y235" s="242"/>
      <c r="Z235" s="242"/>
      <c r="AA235" s="242"/>
      <c r="AB235" s="242"/>
      <c r="AC235" s="242"/>
      <c r="AD235" s="242"/>
      <c r="AE235" s="242"/>
      <c r="AF235" s="242"/>
      <c r="AG235" s="242"/>
      <c r="AH235" s="242"/>
      <c r="AI235" s="242"/>
      <c r="AJ235" s="242"/>
      <c r="AK235" s="242"/>
      <c r="AL235" s="242"/>
      <c r="AM235" s="242"/>
      <c r="AN235" s="242"/>
      <c r="AO235" s="242"/>
      <c r="AP235" s="242"/>
      <c r="AQ235" s="242"/>
      <c r="AR235" s="242"/>
      <c r="AS235" s="242"/>
    </row>
    <row r="236" spans="1:45" ht="52.5" customHeight="1">
      <c r="A236" s="427" t="s">
        <v>594</v>
      </c>
      <c r="B236" s="427"/>
      <c r="C236" s="427"/>
      <c r="D236" s="427"/>
      <c r="E236" s="427"/>
      <c r="F236" s="427"/>
      <c r="G236" s="427"/>
      <c r="H236" s="427"/>
      <c r="I236" s="427"/>
      <c r="J236" s="427"/>
      <c r="K236" s="427"/>
      <c r="L236" s="427"/>
      <c r="M236" s="427"/>
      <c r="N236" s="427"/>
      <c r="O236" s="427"/>
      <c r="P236" s="427"/>
      <c r="Q236" s="427"/>
      <c r="R236" s="427"/>
      <c r="S236" s="427"/>
      <c r="T236" s="242"/>
      <c r="U236" s="242"/>
      <c r="V236" s="242"/>
      <c r="W236" s="242"/>
      <c r="X236" s="242"/>
      <c r="Y236" s="242"/>
      <c r="Z236" s="242"/>
      <c r="AA236" s="242"/>
      <c r="AB236" s="242"/>
      <c r="AC236" s="242"/>
      <c r="AD236" s="242"/>
      <c r="AE236" s="242"/>
      <c r="AF236" s="242"/>
      <c r="AG236" s="242"/>
      <c r="AH236" s="242"/>
      <c r="AI236" s="242"/>
      <c r="AJ236" s="242"/>
      <c r="AK236" s="242"/>
      <c r="AL236" s="242"/>
      <c r="AM236" s="242"/>
      <c r="AN236" s="242"/>
      <c r="AO236" s="242"/>
      <c r="AP236" s="242"/>
      <c r="AQ236" s="242"/>
      <c r="AR236" s="242"/>
      <c r="AS236" s="242"/>
    </row>
    <row r="237" spans="1:45" ht="39" customHeight="1">
      <c r="A237" s="59"/>
      <c r="B237" s="422" t="s">
        <v>427</v>
      </c>
      <c r="C237" s="423"/>
      <c r="D237" s="423"/>
      <c r="E237" s="423"/>
      <c r="F237" s="423"/>
      <c r="G237" s="423"/>
      <c r="H237" s="423"/>
      <c r="I237" s="423"/>
      <c r="J237" s="424"/>
      <c r="K237" s="425" t="s">
        <v>428</v>
      </c>
      <c r="L237" s="426"/>
      <c r="M237" s="426"/>
      <c r="N237" s="426"/>
      <c r="O237" s="426"/>
      <c r="P237" s="426"/>
      <c r="Q237" s="426"/>
      <c r="R237" s="426"/>
      <c r="S237" s="426"/>
      <c r="W237" s="242"/>
      <c r="X237" s="242"/>
      <c r="Y237" s="242"/>
      <c r="Z237" s="242"/>
      <c r="AA237" s="242"/>
      <c r="AB237" s="242"/>
      <c r="AC237" s="242"/>
      <c r="AD237" s="242"/>
      <c r="AE237" s="242"/>
      <c r="AF237" s="242"/>
      <c r="AG237" s="242"/>
      <c r="AH237" s="242"/>
      <c r="AI237" s="242"/>
      <c r="AJ237" s="242"/>
      <c r="AK237" s="242"/>
      <c r="AL237" s="242"/>
      <c r="AM237" s="242"/>
      <c r="AN237" s="242"/>
      <c r="AO237" s="242"/>
      <c r="AP237" s="242"/>
      <c r="AQ237" s="242"/>
      <c r="AR237" s="242"/>
      <c r="AS237" s="242"/>
    </row>
    <row r="238" spans="1:45" ht="72">
      <c r="A238" s="32" t="s">
        <v>71</v>
      </c>
      <c r="B238" s="33" t="s">
        <v>72</v>
      </c>
      <c r="C238" s="33" t="s">
        <v>429</v>
      </c>
      <c r="D238" s="84" t="s">
        <v>143</v>
      </c>
      <c r="E238" s="33" t="s">
        <v>430</v>
      </c>
      <c r="F238" s="84" t="s">
        <v>144</v>
      </c>
      <c r="G238" s="33" t="s">
        <v>431</v>
      </c>
      <c r="H238" s="84" t="s">
        <v>117</v>
      </c>
      <c r="I238" s="33" t="s">
        <v>301</v>
      </c>
      <c r="J238" s="84" t="s">
        <v>315</v>
      </c>
      <c r="K238" s="60" t="s">
        <v>72</v>
      </c>
      <c r="L238" s="60" t="s">
        <v>429</v>
      </c>
      <c r="M238" s="83" t="s">
        <v>143</v>
      </c>
      <c r="N238" s="60" t="s">
        <v>430</v>
      </c>
      <c r="O238" s="83" t="s">
        <v>144</v>
      </c>
      <c r="P238" s="60" t="s">
        <v>431</v>
      </c>
      <c r="Q238" s="83" t="s">
        <v>117</v>
      </c>
      <c r="R238" s="60" t="s">
        <v>301</v>
      </c>
      <c r="S238" s="83" t="s">
        <v>315</v>
      </c>
      <c r="W238" s="242"/>
      <c r="X238" s="242"/>
      <c r="Y238" s="242"/>
      <c r="Z238" s="242"/>
      <c r="AA238" s="242"/>
      <c r="AB238" s="242"/>
      <c r="AC238" s="242"/>
      <c r="AD238" s="242"/>
      <c r="AE238" s="242"/>
      <c r="AF238" s="242"/>
      <c r="AG238" s="242"/>
      <c r="AH238" s="242"/>
      <c r="AI238" s="242"/>
      <c r="AJ238" s="242"/>
      <c r="AK238" s="242"/>
      <c r="AL238" s="242"/>
      <c r="AM238" s="242"/>
      <c r="AN238" s="242"/>
      <c r="AO238" s="242"/>
      <c r="AP238" s="242"/>
      <c r="AQ238" s="242"/>
      <c r="AR238" s="242"/>
      <c r="AS238" s="242"/>
    </row>
    <row r="239" spans="1:45" ht="72">
      <c r="A239" s="36"/>
      <c r="B239" s="37" t="s">
        <v>74</v>
      </c>
      <c r="C239" s="37" t="s">
        <v>159</v>
      </c>
      <c r="D239" s="86" t="s">
        <v>88</v>
      </c>
      <c r="E239" s="37" t="s">
        <v>160</v>
      </c>
      <c r="F239" s="86" t="s">
        <v>88</v>
      </c>
      <c r="G239" s="37" t="s">
        <v>161</v>
      </c>
      <c r="H239" s="86" t="s">
        <v>88</v>
      </c>
      <c r="I239" s="37" t="s">
        <v>301</v>
      </c>
      <c r="J239" s="86" t="s">
        <v>88</v>
      </c>
      <c r="K239" s="63" t="s">
        <v>74</v>
      </c>
      <c r="L239" s="63" t="s">
        <v>159</v>
      </c>
      <c r="M239" s="85" t="s">
        <v>88</v>
      </c>
      <c r="N239" s="63" t="s">
        <v>160</v>
      </c>
      <c r="O239" s="85" t="s">
        <v>88</v>
      </c>
      <c r="P239" s="63" t="s">
        <v>161</v>
      </c>
      <c r="Q239" s="85" t="s">
        <v>88</v>
      </c>
      <c r="R239" s="63" t="s">
        <v>301</v>
      </c>
      <c r="S239" s="85" t="s">
        <v>88</v>
      </c>
      <c r="W239" s="242"/>
      <c r="X239" s="242"/>
      <c r="Y239" s="242"/>
      <c r="Z239" s="242"/>
      <c r="AA239" s="242"/>
      <c r="AB239" s="242"/>
      <c r="AC239" s="242"/>
      <c r="AD239" s="242"/>
      <c r="AE239" s="242"/>
      <c r="AF239" s="242"/>
      <c r="AG239" s="242"/>
      <c r="AH239" s="242"/>
      <c r="AI239" s="242"/>
      <c r="AJ239" s="242"/>
      <c r="AK239" s="242"/>
      <c r="AL239" s="242"/>
      <c r="AM239" s="242"/>
      <c r="AN239" s="242"/>
      <c r="AO239" s="242"/>
      <c r="AP239" s="242"/>
      <c r="AQ239" s="242"/>
      <c r="AR239" s="242"/>
      <c r="AS239" s="242"/>
    </row>
    <row r="240" spans="1:45">
      <c r="A240" s="40" t="s">
        <v>350</v>
      </c>
      <c r="B240" s="40">
        <v>13823</v>
      </c>
      <c r="C240" s="315">
        <v>0.1449675895687571</v>
      </c>
      <c r="D240" s="316">
        <v>5.9899123419875321E-3</v>
      </c>
      <c r="E240" s="315">
        <v>0.12516355582310087</v>
      </c>
      <c r="F240" s="316">
        <v>5.6302738899209172E-3</v>
      </c>
      <c r="G240" s="315">
        <v>0.71704334011203941</v>
      </c>
      <c r="H240" s="316">
        <v>7.6617476168737708E-3</v>
      </c>
      <c r="I240" s="315">
        <v>1.2825514496109242E-2</v>
      </c>
      <c r="J240" s="316">
        <v>1.9241658205798801E-3</v>
      </c>
      <c r="K240" s="319">
        <v>13828</v>
      </c>
      <c r="L240" s="315">
        <v>0.16609066207296061</v>
      </c>
      <c r="M240" s="316">
        <v>6.3302460996892598E-3</v>
      </c>
      <c r="N240" s="315">
        <v>0.14647282108172721</v>
      </c>
      <c r="O240" s="316">
        <v>6.0145093680234827E-3</v>
      </c>
      <c r="P240" s="315">
        <v>0.59250635510264726</v>
      </c>
      <c r="Q240" s="316">
        <v>8.3560086833474757E-3</v>
      </c>
      <c r="R240" s="315">
        <v>9.4930161742680652E-2</v>
      </c>
      <c r="S240" s="316">
        <v>4.9873556751508603E-3</v>
      </c>
    </row>
    <row r="241" spans="1:19">
      <c r="A241" s="44" t="s">
        <v>351</v>
      </c>
      <c r="B241" s="44">
        <v>10154</v>
      </c>
      <c r="C241" s="194">
        <v>0.1889512126284949</v>
      </c>
      <c r="D241" s="92">
        <v>7.7701990274397269E-3</v>
      </c>
      <c r="E241" s="194">
        <v>0.1232411290671179</v>
      </c>
      <c r="F241" s="92">
        <v>6.5263191889328234E-3</v>
      </c>
      <c r="G241" s="194">
        <v>0.67715974238595034</v>
      </c>
      <c r="H241" s="92">
        <v>9.2787579436654413E-3</v>
      </c>
      <c r="I241" s="194">
        <v>1.0647915918430936E-2</v>
      </c>
      <c r="J241" s="92">
        <v>2.0548774836072069E-3</v>
      </c>
      <c r="K241" s="44">
        <v>10155</v>
      </c>
      <c r="L241" s="194">
        <v>0.21705472707273019</v>
      </c>
      <c r="M241" s="92">
        <v>8.1815458409246512E-3</v>
      </c>
      <c r="N241" s="194">
        <v>0.15128193866659398</v>
      </c>
      <c r="O241" s="92">
        <v>7.1128170804036755E-3</v>
      </c>
      <c r="P241" s="194">
        <v>0.55479633405969486</v>
      </c>
      <c r="Q241" s="92">
        <v>9.8617218955473346E-3</v>
      </c>
      <c r="R241" s="194">
        <v>7.6867000200978072E-2</v>
      </c>
      <c r="S241" s="92">
        <v>5.2909976602783159E-3</v>
      </c>
    </row>
    <row r="242" spans="1:19">
      <c r="A242" s="40" t="s">
        <v>352</v>
      </c>
      <c r="B242" s="40">
        <v>3669</v>
      </c>
      <c r="C242" s="315">
        <v>0.1090433664636099</v>
      </c>
      <c r="D242" s="316">
        <v>1.0303620458752962E-2</v>
      </c>
      <c r="E242" s="315">
        <v>0.12673372405574568</v>
      </c>
      <c r="F242" s="316">
        <v>1.0993430980410815E-2</v>
      </c>
      <c r="G242" s="315">
        <v>0.74961881169157574</v>
      </c>
      <c r="H242" s="316">
        <v>1.4302023550752958E-2</v>
      </c>
      <c r="I242" s="315">
        <v>1.4604097789070035E-2</v>
      </c>
      <c r="J242" s="316">
        <v>4.0287165092681527E-3</v>
      </c>
      <c r="K242" s="319">
        <v>3673</v>
      </c>
      <c r="L242" s="315">
        <v>0.12445309423105477</v>
      </c>
      <c r="M242" s="316">
        <v>1.0902749760087468E-2</v>
      </c>
      <c r="N242" s="315">
        <v>0.14254377892818759</v>
      </c>
      <c r="O242" s="316">
        <v>1.1544001126064542E-2</v>
      </c>
      <c r="P242" s="315">
        <v>0.62331538808503573</v>
      </c>
      <c r="Q242" s="316">
        <v>1.5982938348325766E-2</v>
      </c>
      <c r="R242" s="315">
        <v>0.10968773875572151</v>
      </c>
      <c r="S242" s="316">
        <v>1.032449371819859E-2</v>
      </c>
    </row>
    <row r="243" spans="1:19">
      <c r="A243" s="44" t="s">
        <v>534</v>
      </c>
      <c r="B243" s="44">
        <v>1869</v>
      </c>
      <c r="C243" s="194">
        <v>0.16128821438155552</v>
      </c>
      <c r="D243" s="92">
        <v>1.7027588049846987E-2</v>
      </c>
      <c r="E243" s="194">
        <v>0.14144951887491056</v>
      </c>
      <c r="F243" s="92">
        <v>1.6140736345841164E-2</v>
      </c>
      <c r="G243" s="194">
        <v>0.68297306960392234</v>
      </c>
      <c r="H243" s="92">
        <v>2.1510682231137567E-2</v>
      </c>
      <c r="I243" s="194">
        <v>1.4289197139614317E-2</v>
      </c>
      <c r="J243" s="92">
        <v>5.6771260928176626E-3</v>
      </c>
      <c r="K243" s="44">
        <v>1871</v>
      </c>
      <c r="L243" s="194">
        <v>0.16593129382926822</v>
      </c>
      <c r="M243" s="92">
        <v>1.7212321772703442E-2</v>
      </c>
      <c r="N243" s="194">
        <v>0.16807014654810348</v>
      </c>
      <c r="O243" s="92">
        <v>1.7299998385541429E-2</v>
      </c>
      <c r="P243" s="194">
        <v>0.57669158821335975</v>
      </c>
      <c r="Q243" s="92">
        <v>2.2821906124535548E-2</v>
      </c>
      <c r="R243" s="194">
        <v>8.9306971409270963E-2</v>
      </c>
      <c r="S243" s="92">
        <v>1.3230278165167855E-2</v>
      </c>
    </row>
    <row r="244" spans="1:19">
      <c r="A244" s="40" t="s">
        <v>535</v>
      </c>
      <c r="B244" s="40">
        <v>1529</v>
      </c>
      <c r="C244" s="315">
        <v>0.17781294260038805</v>
      </c>
      <c r="D244" s="316">
        <v>1.9567168994970869E-2</v>
      </c>
      <c r="E244" s="315">
        <v>0.14042402827444658</v>
      </c>
      <c r="F244" s="316">
        <v>1.7796337782651075E-2</v>
      </c>
      <c r="G244" s="315">
        <v>0.66716697079331055</v>
      </c>
      <c r="H244" s="316">
        <v>2.4078629851987603E-2</v>
      </c>
      <c r="I244" s="315">
        <v>1.459605833185426E-2</v>
      </c>
      <c r="J244" s="316">
        <v>6.3822533198800114E-3</v>
      </c>
      <c r="K244" s="319">
        <v>1529</v>
      </c>
      <c r="L244" s="315">
        <v>0.19356430990622073</v>
      </c>
      <c r="M244" s="316">
        <v>2.0213250765638725E-2</v>
      </c>
      <c r="N244" s="315">
        <v>0.164548984059429</v>
      </c>
      <c r="O244" s="316">
        <v>1.8979789906633036E-2</v>
      </c>
      <c r="P244" s="315">
        <v>0.55566205681599923</v>
      </c>
      <c r="Q244" s="316">
        <v>2.5382546494869214E-2</v>
      </c>
      <c r="R244" s="315">
        <v>8.6224649218350408E-2</v>
      </c>
      <c r="S244" s="316">
        <v>1.4419152430980532E-2</v>
      </c>
    </row>
    <row r="245" spans="1:19">
      <c r="A245" s="44" t="s">
        <v>546</v>
      </c>
      <c r="B245" s="44">
        <v>344</v>
      </c>
      <c r="C245" s="194">
        <v>0.1113318723531083</v>
      </c>
      <c r="D245" s="92">
        <v>3.430589894287344E-2</v>
      </c>
      <c r="E245" s="194">
        <v>0.14597860817257649</v>
      </c>
      <c r="F245" s="92">
        <v>3.8287099266978368E-2</v>
      </c>
      <c r="G245" s="194">
        <v>0.72926146087192534</v>
      </c>
      <c r="H245" s="92">
        <v>4.7783098655619423E-2</v>
      </c>
      <c r="I245" s="194">
        <v>1.3428058602388515E-2</v>
      </c>
      <c r="J245" s="92">
        <v>1.4644855988061841E-2</v>
      </c>
      <c r="K245" s="44">
        <v>346</v>
      </c>
      <c r="L245" s="194">
        <v>8.0573608292668533E-2</v>
      </c>
      <c r="M245" s="92">
        <v>2.9872016349908152E-2</v>
      </c>
      <c r="N245" s="194">
        <v>0.18027780860327347</v>
      </c>
      <c r="O245" s="92">
        <v>4.1417853720578497E-2</v>
      </c>
      <c r="P245" s="194">
        <v>0.6406552533873322</v>
      </c>
      <c r="Q245" s="92">
        <v>5.134374009532968E-2</v>
      </c>
      <c r="R245" s="194">
        <v>9.8493329716724712E-2</v>
      </c>
      <c r="S245" s="92">
        <v>3.2506014092714947E-2</v>
      </c>
    </row>
    <row r="246" spans="1:19">
      <c r="A246" s="40" t="s">
        <v>536</v>
      </c>
      <c r="B246" s="40">
        <v>296</v>
      </c>
      <c r="C246" s="315">
        <v>0.28152150333688608</v>
      </c>
      <c r="D246" s="316">
        <v>5.2093702338337391E-2</v>
      </c>
      <c r="E246" s="315">
        <v>0.11330498872522428</v>
      </c>
      <c r="F246" s="316">
        <v>3.7314506940921824E-2</v>
      </c>
      <c r="G246" s="315">
        <v>0.60006006274923118</v>
      </c>
      <c r="H246" s="316">
        <v>5.6598373477944462E-2</v>
      </c>
      <c r="I246" s="315">
        <v>5.1134451886558352E-3</v>
      </c>
      <c r="J246" s="316">
        <v>1.2422969704671062E-2</v>
      </c>
      <c r="K246" s="319">
        <v>296</v>
      </c>
      <c r="L246" s="315">
        <v>0.28572168678196347</v>
      </c>
      <c r="M246" s="316">
        <v>5.2319664499020695E-2</v>
      </c>
      <c r="N246" s="315">
        <v>0.18046011379587612</v>
      </c>
      <c r="O246" s="316">
        <v>4.4810553622503184E-2</v>
      </c>
      <c r="P246" s="315">
        <v>0.46803071620750936</v>
      </c>
      <c r="Q246" s="316">
        <v>5.7620024004179198E-2</v>
      </c>
      <c r="R246" s="315">
        <v>6.5787483214649223E-2</v>
      </c>
      <c r="S246" s="316">
        <v>2.9766585042136359E-2</v>
      </c>
    </row>
    <row r="247" spans="1:19">
      <c r="A247" s="44" t="s">
        <v>537</v>
      </c>
      <c r="B247" s="44">
        <v>88</v>
      </c>
      <c r="C247" s="194">
        <v>0.33803064803720528</v>
      </c>
      <c r="D247" s="92">
        <v>9.9126085886092133E-2</v>
      </c>
      <c r="E247" s="194">
        <v>0.18295220435889933</v>
      </c>
      <c r="F247" s="92">
        <v>8.2891098487850437E-2</v>
      </c>
      <c r="G247" s="194">
        <v>0.45829227689613217</v>
      </c>
      <c r="H247" s="92">
        <v>0.10392481423767207</v>
      </c>
      <c r="I247" s="194">
        <v>2.0724870707763191E-2</v>
      </c>
      <c r="J247" s="92">
        <v>4.1617013402499098E-2</v>
      </c>
      <c r="K247" s="44">
        <v>88</v>
      </c>
      <c r="L247" s="194">
        <v>0.37498371245177309</v>
      </c>
      <c r="M247" s="92">
        <v>0.10123163988986547</v>
      </c>
      <c r="N247" s="194">
        <v>0.27882173784305286</v>
      </c>
      <c r="O247" s="92">
        <v>9.4464531650968742E-2</v>
      </c>
      <c r="P247" s="194">
        <v>0.28280107998457132</v>
      </c>
      <c r="Q247" s="92">
        <v>9.4831121499289392E-2</v>
      </c>
      <c r="R247" s="194">
        <v>6.339346972060296E-2</v>
      </c>
      <c r="S247" s="92">
        <v>5.7328381797453996E-2</v>
      </c>
    </row>
    <row r="248" spans="1:19">
      <c r="A248" s="40" t="s">
        <v>538</v>
      </c>
      <c r="B248" s="40">
        <v>90</v>
      </c>
      <c r="C248" s="315">
        <v>0.2331127493653522</v>
      </c>
      <c r="D248" s="316">
        <v>8.8655259193594918E-2</v>
      </c>
      <c r="E248" s="315">
        <v>0.13256453800524354</v>
      </c>
      <c r="F248" s="316">
        <v>7.3292425961515695E-2</v>
      </c>
      <c r="G248" s="315">
        <v>0.63432271262940443</v>
      </c>
      <c r="H248" s="316">
        <v>9.9671861089284497E-2</v>
      </c>
      <c r="I248" s="315">
        <v>0</v>
      </c>
      <c r="J248" s="316">
        <v>2.976782656907849E-2</v>
      </c>
      <c r="K248" s="319">
        <v>89</v>
      </c>
      <c r="L248" s="315">
        <v>0.25949004096428846</v>
      </c>
      <c r="M248" s="316">
        <v>9.2055118617478171E-2</v>
      </c>
      <c r="N248" s="315">
        <v>0.12857898860443137</v>
      </c>
      <c r="O248" s="316">
        <v>7.2928954123625031E-2</v>
      </c>
      <c r="P248" s="315">
        <v>0.54348430516495905</v>
      </c>
      <c r="Q248" s="316">
        <v>0.10333540212278838</v>
      </c>
      <c r="R248" s="315">
        <v>6.844666526632126E-2</v>
      </c>
      <c r="S248" s="316">
        <v>5.8452329524308975E-2</v>
      </c>
    </row>
    <row r="249" spans="1:19">
      <c r="A249" s="44" t="s">
        <v>539</v>
      </c>
      <c r="B249" s="44">
        <v>99</v>
      </c>
      <c r="C249" s="194">
        <v>0.24703634148405201</v>
      </c>
      <c r="D249" s="92">
        <v>8.6098391327029372E-2</v>
      </c>
      <c r="E249" s="194">
        <v>4.5626030454920023E-2</v>
      </c>
      <c r="F249" s="92">
        <v>4.7975852913818645E-2</v>
      </c>
      <c r="G249" s="194">
        <v>0.7073376280610284</v>
      </c>
      <c r="H249" s="92">
        <v>9.0368225624040982E-2</v>
      </c>
      <c r="I249" s="194">
        <v>0</v>
      </c>
      <c r="J249" s="92">
        <v>2.7192544212657866E-2</v>
      </c>
      <c r="K249" s="44">
        <v>100</v>
      </c>
      <c r="L249" s="194">
        <v>0.21384178583996583</v>
      </c>
      <c r="M249" s="92">
        <v>8.1874976431411589E-2</v>
      </c>
      <c r="N249" s="194">
        <v>0.15575751949663241</v>
      </c>
      <c r="O249" s="92">
        <v>7.3494484633075036E-2</v>
      </c>
      <c r="P249" s="194">
        <v>0.57016810141513796</v>
      </c>
      <c r="Q249" s="92">
        <v>9.7161224012331224E-2</v>
      </c>
      <c r="R249" s="194">
        <v>6.0232593248264313E-2</v>
      </c>
      <c r="S249" s="92">
        <v>5.2328513778332836E-2</v>
      </c>
    </row>
    <row r="250" spans="1:19">
      <c r="A250" s="40" t="s">
        <v>540</v>
      </c>
      <c r="B250" s="40">
        <v>114</v>
      </c>
      <c r="C250" s="315">
        <v>0.21968334159845515</v>
      </c>
      <c r="D250" s="316">
        <v>7.7385138810107473E-2</v>
      </c>
      <c r="E250" s="315">
        <v>0.15796768841135453</v>
      </c>
      <c r="F250" s="316">
        <v>6.9088675722990336E-2</v>
      </c>
      <c r="G250" s="315">
        <v>0.6223489699901904</v>
      </c>
      <c r="H250" s="316">
        <v>8.9448099565970468E-2</v>
      </c>
      <c r="I250" s="315">
        <v>0</v>
      </c>
      <c r="J250" s="316">
        <v>2.3765720057393202E-2</v>
      </c>
      <c r="K250" s="319">
        <v>114</v>
      </c>
      <c r="L250" s="315">
        <v>0.21997797954330223</v>
      </c>
      <c r="M250" s="316">
        <v>7.7418881578812368E-2</v>
      </c>
      <c r="N250" s="315">
        <v>0.22165587069708848</v>
      </c>
      <c r="O250" s="316">
        <v>7.7610084132633803E-2</v>
      </c>
      <c r="P250" s="315">
        <v>0.50809739595820613</v>
      </c>
      <c r="Q250" s="316">
        <v>9.2046193655557801E-2</v>
      </c>
      <c r="R250" s="315">
        <v>5.026875380140336E-2</v>
      </c>
      <c r="S250" s="316">
        <v>4.5555632673693516E-2</v>
      </c>
    </row>
    <row r="251" spans="1:19">
      <c r="A251" s="44" t="s">
        <v>541</v>
      </c>
      <c r="B251" s="44">
        <v>111</v>
      </c>
      <c r="C251" s="194">
        <v>0.20657376808898523</v>
      </c>
      <c r="D251" s="92">
        <v>7.6847986313670208E-2</v>
      </c>
      <c r="E251" s="194">
        <v>0.11531859137079349</v>
      </c>
      <c r="F251" s="92">
        <v>6.2452884357841791E-2</v>
      </c>
      <c r="G251" s="194">
        <v>0.66600719849164247</v>
      </c>
      <c r="H251" s="92">
        <v>8.8332449987648512E-2</v>
      </c>
      <c r="I251" s="194">
        <v>1.2100442048578779E-2</v>
      </c>
      <c r="J251" s="92">
        <v>3.1333130941580967E-2</v>
      </c>
      <c r="K251" s="44">
        <v>110</v>
      </c>
      <c r="L251" s="194">
        <v>0.24995566094532562</v>
      </c>
      <c r="M251" s="92">
        <v>8.2033021862726263E-2</v>
      </c>
      <c r="N251" s="194">
        <v>0.16309574135319096</v>
      </c>
      <c r="O251" s="92">
        <v>7.1161049448080368E-2</v>
      </c>
      <c r="P251" s="194">
        <v>0.50939973345791933</v>
      </c>
      <c r="Q251" s="92">
        <v>9.3643170540492426E-2</v>
      </c>
      <c r="R251" s="194">
        <v>7.7548864243564039E-2</v>
      </c>
      <c r="S251" s="92">
        <v>5.4237676455695834E-2</v>
      </c>
    </row>
    <row r="252" spans="1:19">
      <c r="A252" s="40" t="s">
        <v>542</v>
      </c>
      <c r="B252" s="40">
        <v>169</v>
      </c>
      <c r="C252" s="315">
        <v>0.19605475593366684</v>
      </c>
      <c r="D252" s="316">
        <v>6.1171592984553255E-2</v>
      </c>
      <c r="E252" s="315">
        <v>0.14182572860937412</v>
      </c>
      <c r="F252" s="316">
        <v>5.4311250021467285E-2</v>
      </c>
      <c r="G252" s="315">
        <v>0.65587215839812485</v>
      </c>
      <c r="H252" s="316">
        <v>7.2417288200656071E-2</v>
      </c>
      <c r="I252" s="315">
        <v>6.247357058834069E-3</v>
      </c>
      <c r="J252" s="316">
        <v>2.0029804533613048E-2</v>
      </c>
      <c r="K252" s="319">
        <v>171</v>
      </c>
      <c r="L252" s="315">
        <v>0.20990095516235027</v>
      </c>
      <c r="M252" s="316">
        <v>6.2270520278175083E-2</v>
      </c>
      <c r="N252" s="315">
        <v>0.21921238216540137</v>
      </c>
      <c r="O252" s="316">
        <v>6.3195174189580525E-2</v>
      </c>
      <c r="P252" s="315">
        <v>0.51259642474649414</v>
      </c>
      <c r="Q252" s="316">
        <v>7.5569986584782992E-2</v>
      </c>
      <c r="R252" s="315">
        <v>5.8290237925754003E-2</v>
      </c>
      <c r="S252" s="316">
        <v>3.8160489066264625E-2</v>
      </c>
    </row>
    <row r="253" spans="1:19">
      <c r="A253" s="44" t="s">
        <v>547</v>
      </c>
      <c r="B253" s="44">
        <v>71</v>
      </c>
      <c r="C253" s="194">
        <v>0.15668243207366112</v>
      </c>
      <c r="D253" s="92">
        <v>8.7748202331515923E-2</v>
      </c>
      <c r="E253" s="194">
        <v>0.14304648849797622</v>
      </c>
      <c r="F253" s="92">
        <v>8.5107863515043833E-2</v>
      </c>
      <c r="G253" s="194">
        <v>0.68699213832372763</v>
      </c>
      <c r="H253" s="92">
        <v>0.10799115870857316</v>
      </c>
      <c r="I253" s="194">
        <v>1.3278941104635204E-2</v>
      </c>
      <c r="J253" s="92">
        <v>4.483916395906766E-2</v>
      </c>
      <c r="K253" s="44">
        <v>71</v>
      </c>
      <c r="L253" s="194">
        <v>0.13464868039672886</v>
      </c>
      <c r="M253" s="92">
        <v>8.3387215079151575E-2</v>
      </c>
      <c r="N253" s="194">
        <v>0.24268912817633631</v>
      </c>
      <c r="O253" s="92">
        <v>0.1008404862576785</v>
      </c>
      <c r="P253" s="194">
        <v>0.58646577819541956</v>
      </c>
      <c r="Q253" s="92">
        <v>0.11391221847924242</v>
      </c>
      <c r="R253" s="194">
        <v>3.6196413231515318E-2</v>
      </c>
      <c r="S253" s="92">
        <v>5.5242409907139405E-2</v>
      </c>
    </row>
    <row r="254" spans="1:19">
      <c r="A254" s="40" t="s">
        <v>548</v>
      </c>
      <c r="B254" s="40">
        <v>123</v>
      </c>
      <c r="C254" s="315">
        <v>0.11848260901593402</v>
      </c>
      <c r="D254" s="316">
        <v>5.9781476245731179E-2</v>
      </c>
      <c r="E254" s="315">
        <v>0.13752284697817868</v>
      </c>
      <c r="F254" s="316">
        <v>6.3184890646355463E-2</v>
      </c>
      <c r="G254" s="315">
        <v>0.736253567659932</v>
      </c>
      <c r="H254" s="316">
        <v>7.8898885769904989E-2</v>
      </c>
      <c r="I254" s="315">
        <v>7.7409763459548621E-3</v>
      </c>
      <c r="J254" s="316">
        <v>2.6741608944370741E-2</v>
      </c>
      <c r="K254" s="319">
        <v>124</v>
      </c>
      <c r="L254" s="315">
        <v>0.10665284867635577</v>
      </c>
      <c r="M254" s="316">
        <v>5.7226809359081664E-2</v>
      </c>
      <c r="N254" s="315">
        <v>0.12786338530676503</v>
      </c>
      <c r="O254" s="316">
        <v>6.1246034017525472E-2</v>
      </c>
      <c r="P254" s="315">
        <v>0.6447172547277249</v>
      </c>
      <c r="Q254" s="316">
        <v>8.4842760204590625E-2</v>
      </c>
      <c r="R254" s="315">
        <v>0.12076651128915397</v>
      </c>
      <c r="S254" s="316">
        <v>5.9955749612609195E-2</v>
      </c>
    </row>
    <row r="255" spans="1:19">
      <c r="A255" s="44" t="s">
        <v>549</v>
      </c>
      <c r="B255" s="44">
        <v>101</v>
      </c>
      <c r="C255" s="194">
        <v>0.24828187986001191</v>
      </c>
      <c r="D255" s="92">
        <v>8.5383976621031782E-2</v>
      </c>
      <c r="E255" s="194">
        <v>0.17174907468788053</v>
      </c>
      <c r="F255" s="92">
        <v>7.5669552926776462E-2</v>
      </c>
      <c r="G255" s="194">
        <v>0.5799690454521087</v>
      </c>
      <c r="H255" s="92">
        <v>9.6428194403682999E-2</v>
      </c>
      <c r="I255" s="194">
        <v>0</v>
      </c>
      <c r="J255" s="92">
        <v>2.6679621084077194E-2</v>
      </c>
      <c r="K255" s="44">
        <v>100</v>
      </c>
      <c r="L255" s="194">
        <v>0.25397713467573113</v>
      </c>
      <c r="M255" s="92">
        <v>8.6388913710269827E-2</v>
      </c>
      <c r="N255" s="194">
        <v>0.19540075906858032</v>
      </c>
      <c r="O255" s="92">
        <v>7.9473999039838594E-2</v>
      </c>
      <c r="P255" s="194">
        <v>0.47716587988824238</v>
      </c>
      <c r="Q255" s="92">
        <v>9.79634820356029E-2</v>
      </c>
      <c r="R255" s="194">
        <v>7.3456226367447058E-2</v>
      </c>
      <c r="S255" s="92">
        <v>5.6085998838705603E-2</v>
      </c>
    </row>
    <row r="256" spans="1:19">
      <c r="A256" s="40" t="s">
        <v>550</v>
      </c>
      <c r="B256" s="40">
        <v>130</v>
      </c>
      <c r="C256" s="315">
        <v>0.16778315450830783</v>
      </c>
      <c r="D256" s="316">
        <v>6.6044480379616841E-2</v>
      </c>
      <c r="E256" s="315">
        <v>0.10111307678606925</v>
      </c>
      <c r="F256" s="316">
        <v>5.4703159616656956E-2</v>
      </c>
      <c r="G256" s="315">
        <v>0.68868624756760477</v>
      </c>
      <c r="H256" s="316">
        <v>8.0389220736051606E-2</v>
      </c>
      <c r="I256" s="315">
        <v>4.2417521138018201E-2</v>
      </c>
      <c r="J256" s="316">
        <v>3.9750003612950419E-2</v>
      </c>
      <c r="K256" s="319">
        <v>132</v>
      </c>
      <c r="L256" s="315">
        <v>0.20281780409728925</v>
      </c>
      <c r="M256" s="316">
        <v>7.004231414871552E-2</v>
      </c>
      <c r="N256" s="315">
        <v>0.12334860273608139</v>
      </c>
      <c r="O256" s="316">
        <v>5.8499893979664812E-2</v>
      </c>
      <c r="P256" s="315">
        <v>0.58619463656046267</v>
      </c>
      <c r="Q256" s="316">
        <v>8.4540468560013571E-2</v>
      </c>
      <c r="R256" s="315">
        <v>8.7638956606166885E-2</v>
      </c>
      <c r="S256" s="316">
        <v>5.1396304480720433E-2</v>
      </c>
    </row>
    <row r="257" spans="1:45">
      <c r="A257" s="44" t="s">
        <v>551</v>
      </c>
      <c r="B257" s="44">
        <v>124</v>
      </c>
      <c r="C257" s="194">
        <v>9.6336093329250069E-2</v>
      </c>
      <c r="D257" s="92">
        <v>5.5079589930570209E-2</v>
      </c>
      <c r="E257" s="194">
        <v>0.14512316816925216</v>
      </c>
      <c r="F257" s="92">
        <v>6.4180055845434264E-2</v>
      </c>
      <c r="G257" s="194">
        <v>0.7420573553762817</v>
      </c>
      <c r="H257" s="92">
        <v>7.8065077698661098E-2</v>
      </c>
      <c r="I257" s="194">
        <v>1.6483383125216178E-2</v>
      </c>
      <c r="J257" s="92">
        <v>3.0920837546021502E-2</v>
      </c>
      <c r="K257" s="44">
        <v>123</v>
      </c>
      <c r="L257" s="194">
        <v>0.13416454748701442</v>
      </c>
      <c r="M257" s="92">
        <v>6.26104678264192E-2</v>
      </c>
      <c r="N257" s="194">
        <v>0.14552818829843564</v>
      </c>
      <c r="O257" s="92">
        <v>6.4512726385999516E-2</v>
      </c>
      <c r="P257" s="194">
        <v>0.61098892317356812</v>
      </c>
      <c r="Q257" s="92">
        <v>8.6660748638201876E-2</v>
      </c>
      <c r="R257" s="194">
        <v>0.10931834104098166</v>
      </c>
      <c r="S257" s="92">
        <v>5.8006530752486116E-2</v>
      </c>
    </row>
    <row r="258" spans="1:45">
      <c r="A258" s="40" t="s">
        <v>543</v>
      </c>
      <c r="B258" s="40">
        <v>167</v>
      </c>
      <c r="C258" s="315">
        <v>0.16713239572561125</v>
      </c>
      <c r="D258" s="316">
        <v>5.8102992944429298E-2</v>
      </c>
      <c r="E258" s="315">
        <v>0.14221854868731224</v>
      </c>
      <c r="F258" s="316">
        <v>5.4699829139544624E-2</v>
      </c>
      <c r="G258" s="315">
        <v>0.66892480398083176</v>
      </c>
      <c r="H258" s="316">
        <v>7.2189451031358473E-2</v>
      </c>
      <c r="I258" s="315">
        <v>2.1724251606244048E-2</v>
      </c>
      <c r="J258" s="316">
        <v>2.7286133586001259E-2</v>
      </c>
      <c r="K258" s="319">
        <v>167</v>
      </c>
      <c r="L258" s="315">
        <v>0.11749951747769841</v>
      </c>
      <c r="M258" s="316">
        <v>5.0831237662386987E-2</v>
      </c>
      <c r="N258" s="315">
        <v>0.14145039365793005</v>
      </c>
      <c r="O258" s="316">
        <v>5.4587498700934003E-2</v>
      </c>
      <c r="P258" s="315">
        <v>0.64403483884109758</v>
      </c>
      <c r="Q258" s="316">
        <v>7.33832666007012E-2</v>
      </c>
      <c r="R258" s="315">
        <v>9.7015250023273325E-2</v>
      </c>
      <c r="S258" s="316">
        <v>4.7168216674669014E-2</v>
      </c>
    </row>
    <row r="259" spans="1:45">
      <c r="A259" s="44" t="s">
        <v>544</v>
      </c>
      <c r="B259" s="44">
        <v>48</v>
      </c>
      <c r="C259" s="194">
        <v>0.19306421405661783</v>
      </c>
      <c r="D259" s="92">
        <v>0.11426243450948174</v>
      </c>
      <c r="E259" s="194">
        <v>0.19670004599566146</v>
      </c>
      <c r="F259" s="92">
        <v>0.11489702868089841</v>
      </c>
      <c r="G259" s="194">
        <v>0.61023573994772073</v>
      </c>
      <c r="H259" s="92">
        <v>0.13577291638207456</v>
      </c>
      <c r="I259" s="194">
        <v>0</v>
      </c>
      <c r="J259" s="92">
        <v>5.3336557329348951E-2</v>
      </c>
      <c r="K259" s="44">
        <v>48</v>
      </c>
      <c r="L259" s="194">
        <v>6.151947329490378E-2</v>
      </c>
      <c r="M259" s="92">
        <v>8.1418397673263587E-2</v>
      </c>
      <c r="N259" s="194">
        <v>0.18872508523853304</v>
      </c>
      <c r="O259" s="92">
        <v>0.11349045173954846</v>
      </c>
      <c r="P259" s="194">
        <v>0.67907639100259043</v>
      </c>
      <c r="Q259" s="92">
        <v>0.13087736053478016</v>
      </c>
      <c r="R259" s="194">
        <v>7.0679050463972687E-2</v>
      </c>
      <c r="S259" s="92">
        <v>8.4557342141337061E-2</v>
      </c>
    </row>
    <row r="260" spans="1:45">
      <c r="A260" s="40" t="s">
        <v>552</v>
      </c>
      <c r="B260" s="40">
        <v>119</v>
      </c>
      <c r="C260" s="315">
        <v>0.15635851610561807</v>
      </c>
      <c r="D260" s="316">
        <v>6.7346032381211313E-2</v>
      </c>
      <c r="E260" s="315">
        <v>0.1195831481911082</v>
      </c>
      <c r="F260" s="316">
        <v>6.1032433567572007E-2</v>
      </c>
      <c r="G260" s="315">
        <v>0.69330832012427068</v>
      </c>
      <c r="H260" s="316">
        <v>8.362183942453949E-2</v>
      </c>
      <c r="I260" s="315">
        <v>3.0750015579002619E-2</v>
      </c>
      <c r="J260" s="316">
        <v>3.7781245067392069E-2</v>
      </c>
      <c r="K260" s="319">
        <v>119</v>
      </c>
      <c r="L260" s="315">
        <v>0.14075751849593732</v>
      </c>
      <c r="M260" s="316">
        <v>6.4820499115043395E-2</v>
      </c>
      <c r="N260" s="315">
        <v>0.1218092011406773</v>
      </c>
      <c r="O260" s="316">
        <v>6.1452105588243593E-2</v>
      </c>
      <c r="P260" s="315">
        <v>0.62947614265301643</v>
      </c>
      <c r="Q260" s="316">
        <v>8.7291409050926499E-2</v>
      </c>
      <c r="R260" s="315">
        <v>0.10795713771036837</v>
      </c>
      <c r="S260" s="316">
        <v>5.8750247233973228E-2</v>
      </c>
    </row>
    <row r="261" spans="1:45">
      <c r="A261" s="44" t="s">
        <v>545</v>
      </c>
      <c r="B261" s="44">
        <v>190</v>
      </c>
      <c r="C261" s="194">
        <v>0.17311629419641278</v>
      </c>
      <c r="D261" s="92">
        <v>5.514889396870061E-2</v>
      </c>
      <c r="E261" s="194">
        <v>0.18563700244720624</v>
      </c>
      <c r="F261" s="92">
        <v>5.6570203363956864E-2</v>
      </c>
      <c r="G261" s="194">
        <v>0.61504994209121078</v>
      </c>
      <c r="H261" s="92">
        <v>6.9948982626602763E-2</v>
      </c>
      <c r="I261" s="194">
        <v>2.6196761265169385E-2</v>
      </c>
      <c r="J261" s="92">
        <v>2.6737499914112513E-2</v>
      </c>
      <c r="K261" s="44">
        <v>188</v>
      </c>
      <c r="L261" s="194">
        <v>0.27613354217127123</v>
      </c>
      <c r="M261" s="92">
        <v>6.4863676253670316E-2</v>
      </c>
      <c r="N261" s="194">
        <v>0.17300617289297265</v>
      </c>
      <c r="O261" s="92">
        <v>5.5430856971412396E-2</v>
      </c>
      <c r="P261" s="194">
        <v>0.46463893183918836</v>
      </c>
      <c r="Q261" s="92">
        <v>7.1995536951112118E-2</v>
      </c>
      <c r="R261" s="194">
        <v>8.6221353096567074E-2</v>
      </c>
      <c r="S261" s="92">
        <v>4.2290361793248583E-2</v>
      </c>
    </row>
    <row r="262" spans="1:45">
      <c r="P262" s="242"/>
      <c r="Q262" s="242"/>
      <c r="R262" s="242"/>
      <c r="S262" s="242"/>
      <c r="T262" s="242"/>
      <c r="U262" s="242"/>
      <c r="V262" s="242"/>
      <c r="W262" s="242"/>
      <c r="X262" s="242"/>
      <c r="Y262" s="242"/>
      <c r="Z262" s="242"/>
      <c r="AA262" s="242"/>
      <c r="AB262" s="242"/>
      <c r="AC262" s="242"/>
      <c r="AD262" s="242"/>
      <c r="AE262" s="242"/>
      <c r="AF262" s="242"/>
      <c r="AG262" s="242"/>
      <c r="AH262" s="242"/>
      <c r="AI262" s="242"/>
      <c r="AJ262" s="242"/>
      <c r="AK262" s="242"/>
      <c r="AL262" s="242"/>
      <c r="AM262" s="242"/>
      <c r="AN262" s="242"/>
      <c r="AO262" s="242"/>
      <c r="AP262" s="242"/>
      <c r="AQ262" s="242"/>
      <c r="AR262" s="242"/>
      <c r="AS262" s="242"/>
    </row>
    <row r="263" spans="1:45">
      <c r="P263" s="242"/>
      <c r="Q263" s="242"/>
      <c r="R263" s="242"/>
      <c r="S263" s="242"/>
      <c r="T263" s="242"/>
      <c r="U263" s="242"/>
      <c r="V263" s="242"/>
      <c r="W263" s="242"/>
      <c r="X263" s="242"/>
      <c r="Y263" s="242"/>
      <c r="Z263" s="242"/>
      <c r="AA263" s="242"/>
      <c r="AB263" s="242"/>
      <c r="AC263" s="242"/>
      <c r="AD263" s="242"/>
      <c r="AE263" s="242"/>
      <c r="AF263" s="242"/>
      <c r="AG263" s="242"/>
      <c r="AH263" s="242"/>
      <c r="AI263" s="242"/>
      <c r="AJ263" s="242"/>
      <c r="AK263" s="242"/>
      <c r="AL263" s="242"/>
      <c r="AM263" s="242"/>
      <c r="AN263" s="242"/>
      <c r="AO263" s="242"/>
      <c r="AP263" s="242"/>
      <c r="AQ263" s="242"/>
      <c r="AR263" s="242"/>
      <c r="AS263" s="242"/>
    </row>
    <row r="264" spans="1:45" ht="18.75">
      <c r="A264" s="421" t="s">
        <v>355</v>
      </c>
      <c r="B264" s="421"/>
      <c r="C264" s="421"/>
      <c r="D264" s="421"/>
    </row>
    <row r="265" spans="1:45" ht="55.5" customHeight="1">
      <c r="A265" s="420" t="s">
        <v>610</v>
      </c>
      <c r="B265" s="420"/>
      <c r="C265" s="420"/>
      <c r="D265" s="420"/>
    </row>
    <row r="266" spans="1:45" ht="36" customHeight="1">
      <c r="A266" s="404" t="s">
        <v>241</v>
      </c>
      <c r="B266" s="404"/>
      <c r="C266" s="404"/>
      <c r="D266" s="404"/>
    </row>
    <row r="267" spans="1:45" ht="40.5" customHeight="1">
      <c r="A267" s="32" t="s">
        <v>71</v>
      </c>
      <c r="B267" s="33" t="s">
        <v>72</v>
      </c>
      <c r="C267" s="34" t="s">
        <v>589</v>
      </c>
      <c r="D267" s="35" t="s">
        <v>73</v>
      </c>
    </row>
    <row r="268" spans="1:45" ht="72">
      <c r="A268" s="36"/>
      <c r="B268" s="37" t="s">
        <v>74</v>
      </c>
      <c r="C268" s="123" t="s">
        <v>242</v>
      </c>
      <c r="D268" s="39" t="s">
        <v>76</v>
      </c>
    </row>
    <row r="269" spans="1:45">
      <c r="A269" s="40" t="s">
        <v>350</v>
      </c>
      <c r="B269" s="201">
        <v>13336</v>
      </c>
      <c r="C269" s="202">
        <v>5.0078707272273473</v>
      </c>
      <c r="D269" s="203">
        <v>3.0424742860847169E-2</v>
      </c>
    </row>
    <row r="270" spans="1:45">
      <c r="A270" s="44" t="s">
        <v>351</v>
      </c>
      <c r="B270" s="44">
        <v>9776</v>
      </c>
      <c r="C270" s="205">
        <v>4.6624899340711865</v>
      </c>
      <c r="D270" s="206">
        <v>3.6540269743475663E-2</v>
      </c>
    </row>
    <row r="271" spans="1:45">
      <c r="A271" s="40" t="s">
        <v>352</v>
      </c>
      <c r="B271" s="48">
        <v>3560</v>
      </c>
      <c r="C271" s="202">
        <v>5.2895581924058508</v>
      </c>
      <c r="D271" s="203">
        <v>4.7369388098030055E-2</v>
      </c>
    </row>
    <row r="272" spans="1:45">
      <c r="A272" s="44" t="s">
        <v>534</v>
      </c>
      <c r="B272" s="44">
        <v>1819</v>
      </c>
      <c r="C272" s="205">
        <v>4.9194858592235109</v>
      </c>
      <c r="D272" s="206">
        <v>8.3379893465508143E-2</v>
      </c>
    </row>
    <row r="273" spans="1:4">
      <c r="A273" s="40" t="s">
        <v>535</v>
      </c>
      <c r="B273" s="48">
        <v>1485</v>
      </c>
      <c r="C273" s="202">
        <v>4.7533546362786083</v>
      </c>
      <c r="D273" s="203">
        <v>9.382530622740741E-2</v>
      </c>
    </row>
    <row r="274" spans="1:4">
      <c r="A274" s="44" t="s">
        <v>546</v>
      </c>
      <c r="B274" s="44">
        <v>337</v>
      </c>
      <c r="C274" s="205">
        <v>5.4405332283840462</v>
      </c>
      <c r="D274" s="206">
        <v>0.15045925667514953</v>
      </c>
    </row>
    <row r="275" spans="1:4">
      <c r="A275" s="40" t="s">
        <v>536</v>
      </c>
      <c r="B275" s="48">
        <v>284</v>
      </c>
      <c r="C275" s="202">
        <v>4.2663705659598907</v>
      </c>
      <c r="D275" s="203">
        <v>0.21941611749322631</v>
      </c>
    </row>
    <row r="276" spans="1:4">
      <c r="A276" s="44" t="s">
        <v>537</v>
      </c>
      <c r="B276" s="44">
        <v>83</v>
      </c>
      <c r="C276" s="205">
        <v>3.4917334591070515</v>
      </c>
      <c r="D276" s="206">
        <v>0.36167388238018228</v>
      </c>
    </row>
    <row r="277" spans="1:4">
      <c r="A277" s="40" t="s">
        <v>538</v>
      </c>
      <c r="B277" s="48">
        <v>84</v>
      </c>
      <c r="C277" s="202">
        <v>4.095333244922597</v>
      </c>
      <c r="D277" s="203">
        <v>0.4029972628220132</v>
      </c>
    </row>
    <row r="278" spans="1:4">
      <c r="A278" s="44" t="s">
        <v>539</v>
      </c>
      <c r="B278" s="44">
        <v>98</v>
      </c>
      <c r="C278" s="205">
        <v>4.8980892618043805</v>
      </c>
      <c r="D278" s="206">
        <v>0.33915145781819389</v>
      </c>
    </row>
    <row r="279" spans="1:4">
      <c r="A279" s="40" t="s">
        <v>540</v>
      </c>
      <c r="B279" s="201">
        <v>112</v>
      </c>
      <c r="C279" s="202">
        <v>4.2008210924196652</v>
      </c>
      <c r="D279" s="203">
        <v>0.33800154592108755</v>
      </c>
    </row>
    <row r="280" spans="1:4">
      <c r="A280" s="44" t="s">
        <v>541</v>
      </c>
      <c r="B280" s="204">
        <v>108</v>
      </c>
      <c r="C280" s="205">
        <v>4.6179492354072718</v>
      </c>
      <c r="D280" s="206">
        <v>0.34533106587151896</v>
      </c>
    </row>
    <row r="281" spans="1:4">
      <c r="A281" s="40" t="s">
        <v>542</v>
      </c>
      <c r="B281" s="78">
        <v>170</v>
      </c>
      <c r="C281" s="202">
        <v>4.4696279138387212</v>
      </c>
      <c r="D281" s="203">
        <v>0.26711848848425446</v>
      </c>
    </row>
    <row r="282" spans="1:4">
      <c r="A282" s="44" t="s">
        <v>547</v>
      </c>
      <c r="B282" s="204">
        <v>70</v>
      </c>
      <c r="C282" s="205">
        <v>4.5857241357458731</v>
      </c>
      <c r="D282" s="206">
        <v>0.39680031848982078</v>
      </c>
    </row>
    <row r="283" spans="1:4">
      <c r="A283" s="52" t="s">
        <v>548</v>
      </c>
      <c r="B283" s="201">
        <v>122</v>
      </c>
      <c r="C283" s="202">
        <v>5.0644837873527564</v>
      </c>
      <c r="D283" s="203">
        <v>0.30196837082283395</v>
      </c>
    </row>
    <row r="284" spans="1:4">
      <c r="A284" s="44" t="s">
        <v>549</v>
      </c>
      <c r="B284" s="204">
        <v>98</v>
      </c>
      <c r="C284" s="205">
        <v>4.5402523028424149</v>
      </c>
      <c r="D284" s="206">
        <v>0.36407770780368809</v>
      </c>
    </row>
    <row r="285" spans="1:4">
      <c r="A285" s="52" t="s">
        <v>550</v>
      </c>
      <c r="B285" s="201">
        <v>126</v>
      </c>
      <c r="C285" s="202">
        <v>5.1939450718971569</v>
      </c>
      <c r="D285" s="203">
        <v>0.2743472612458277</v>
      </c>
    </row>
    <row r="286" spans="1:4">
      <c r="A286" s="44" t="s">
        <v>551</v>
      </c>
      <c r="B286" s="204">
        <v>118</v>
      </c>
      <c r="C286" s="205">
        <v>5.2716377341749379</v>
      </c>
      <c r="D286" s="206">
        <v>0.28317864856074509</v>
      </c>
    </row>
    <row r="287" spans="1:4">
      <c r="A287" s="52" t="s">
        <v>543</v>
      </c>
      <c r="B287" s="201">
        <v>165</v>
      </c>
      <c r="C287" s="202">
        <v>4.7856867874462914</v>
      </c>
      <c r="D287" s="203">
        <v>0.26396221912518075</v>
      </c>
    </row>
    <row r="288" spans="1:4">
      <c r="A288" s="44" t="s">
        <v>544</v>
      </c>
      <c r="B288" s="204">
        <v>47</v>
      </c>
      <c r="C288" s="205">
        <v>4.8061546484096782</v>
      </c>
      <c r="D288" s="206">
        <v>0.47214614600914889</v>
      </c>
    </row>
    <row r="289" spans="1:49">
      <c r="A289" s="52" t="s">
        <v>552</v>
      </c>
      <c r="B289" s="201">
        <v>118</v>
      </c>
      <c r="C289" s="202">
        <v>4.7773114108445016</v>
      </c>
      <c r="D289" s="203">
        <v>0.31877887735483429</v>
      </c>
    </row>
    <row r="290" spans="1:49">
      <c r="A290" s="44" t="s">
        <v>545</v>
      </c>
      <c r="B290" s="204">
        <v>178</v>
      </c>
      <c r="C290" s="205">
        <v>4.4486542089207592</v>
      </c>
      <c r="D290" s="206">
        <v>0.27763143621484709</v>
      </c>
    </row>
    <row r="291" spans="1:49" s="238" customFormat="1">
      <c r="A291" s="231"/>
      <c r="B291" s="245"/>
      <c r="C291" s="246"/>
      <c r="D291" s="247"/>
    </row>
    <row r="292" spans="1:49" s="238" customFormat="1">
      <c r="A292" s="231"/>
      <c r="B292" s="245"/>
      <c r="C292" s="246"/>
      <c r="D292" s="247"/>
    </row>
    <row r="293" spans="1:49" ht="18.75">
      <c r="A293" s="335" t="s">
        <v>67</v>
      </c>
      <c r="B293" s="335"/>
      <c r="C293" s="335"/>
      <c r="D293" s="335"/>
      <c r="E293" s="335"/>
      <c r="F293" s="335"/>
      <c r="G293" s="335"/>
      <c r="H293" s="335"/>
      <c r="I293" s="335"/>
      <c r="J293" s="335"/>
      <c r="K293" s="335"/>
      <c r="L293" s="335"/>
      <c r="M293" s="335"/>
      <c r="N293" s="335"/>
      <c r="O293" s="335"/>
      <c r="P293" s="335"/>
      <c r="Q293" s="335"/>
      <c r="R293" s="335"/>
      <c r="S293" s="335"/>
      <c r="T293" s="224"/>
      <c r="U293" s="224"/>
      <c r="V293" s="224"/>
      <c r="W293" s="224"/>
      <c r="X293" s="224"/>
      <c r="Y293" s="224"/>
      <c r="Z293" s="224"/>
      <c r="AA293" s="224"/>
      <c r="AB293" s="224"/>
      <c r="AC293" s="224"/>
      <c r="AD293" s="224"/>
      <c r="AE293" s="224"/>
      <c r="AF293" s="224"/>
      <c r="AG293" s="224"/>
      <c r="AH293" s="224"/>
      <c r="AI293" s="224"/>
      <c r="AJ293" s="224"/>
      <c r="AK293" s="242"/>
      <c r="AL293" s="242"/>
      <c r="AM293" s="242"/>
      <c r="AN293" s="242"/>
      <c r="AO293" s="242"/>
      <c r="AP293" s="242"/>
      <c r="AQ293" s="242"/>
      <c r="AR293" s="242"/>
      <c r="AS293" s="242"/>
    </row>
    <row r="294" spans="1:49" ht="67.5" customHeight="1">
      <c r="A294" s="415" t="s">
        <v>421</v>
      </c>
      <c r="B294" s="415"/>
      <c r="C294" s="415"/>
      <c r="D294" s="415"/>
      <c r="E294" s="415"/>
      <c r="F294" s="415"/>
      <c r="G294" s="415"/>
      <c r="H294" s="415"/>
      <c r="I294" s="415"/>
      <c r="J294" s="415"/>
      <c r="K294" s="415"/>
      <c r="L294" s="415"/>
      <c r="M294" s="415"/>
      <c r="N294" s="415"/>
      <c r="O294" s="415"/>
      <c r="P294" s="415"/>
      <c r="Q294" s="415"/>
      <c r="R294" s="415"/>
      <c r="S294" s="415"/>
      <c r="T294" s="243"/>
      <c r="U294" s="243"/>
      <c r="V294" s="243"/>
      <c r="W294" s="243"/>
      <c r="X294" s="243"/>
      <c r="Y294" s="243"/>
      <c r="Z294" s="243"/>
      <c r="AA294" s="243"/>
      <c r="AB294" s="243"/>
      <c r="AC294" s="243"/>
      <c r="AD294" s="243"/>
      <c r="AE294" s="243"/>
      <c r="AF294" s="243"/>
      <c r="AG294" s="243"/>
      <c r="AH294" s="243"/>
      <c r="AI294" s="243"/>
      <c r="AJ294" s="243"/>
      <c r="AK294" s="242"/>
      <c r="AL294" s="242"/>
      <c r="AM294" s="242"/>
      <c r="AN294" s="242"/>
      <c r="AO294" s="242"/>
      <c r="AP294" s="242"/>
      <c r="AQ294" s="242"/>
      <c r="AR294" s="242"/>
      <c r="AS294" s="242"/>
    </row>
    <row r="295" spans="1:49" ht="33" customHeight="1">
      <c r="A295" s="59"/>
      <c r="B295" s="400" t="s">
        <v>240</v>
      </c>
      <c r="C295" s="401"/>
      <c r="D295" s="401"/>
      <c r="E295" s="401"/>
      <c r="F295" s="401"/>
      <c r="G295" s="401"/>
      <c r="H295" s="401"/>
      <c r="I295" s="401"/>
      <c r="J295" s="402"/>
      <c r="K295" s="400" t="s">
        <v>422</v>
      </c>
      <c r="L295" s="401"/>
      <c r="M295" s="401"/>
      <c r="N295" s="401"/>
      <c r="O295" s="401"/>
      <c r="P295" s="401"/>
      <c r="Q295" s="401"/>
      <c r="R295" s="401"/>
      <c r="S295" s="402"/>
      <c r="T295" s="242"/>
      <c r="U295" s="242"/>
      <c r="V295" s="242"/>
      <c r="W295" s="242"/>
      <c r="X295" s="242"/>
      <c r="Y295" s="242"/>
      <c r="Z295" s="242"/>
      <c r="AA295" s="242"/>
      <c r="AB295" s="242"/>
      <c r="AC295" s="242"/>
      <c r="AD295" s="242"/>
      <c r="AE295" s="242"/>
      <c r="AF295" s="242"/>
      <c r="AG295" s="242"/>
      <c r="AH295" s="242"/>
      <c r="AI295" s="242"/>
      <c r="AJ295" s="242"/>
      <c r="AK295" s="242"/>
      <c r="AL295" s="242"/>
      <c r="AM295" s="242"/>
      <c r="AN295" s="242"/>
      <c r="AO295" s="242"/>
      <c r="AP295" s="242"/>
      <c r="AQ295" s="242"/>
      <c r="AR295" s="242"/>
      <c r="AS295" s="242"/>
      <c r="AT295" s="242"/>
      <c r="AU295" s="242"/>
      <c r="AV295" s="242"/>
      <c r="AW295" s="242"/>
    </row>
    <row r="296" spans="1:49" ht="41.25" customHeight="1">
      <c r="A296" s="32" t="s">
        <v>71</v>
      </c>
      <c r="B296" s="33" t="s">
        <v>72</v>
      </c>
      <c r="C296" s="33" t="s">
        <v>312</v>
      </c>
      <c r="D296" s="84" t="s">
        <v>143</v>
      </c>
      <c r="E296" s="33" t="s">
        <v>313</v>
      </c>
      <c r="F296" s="84" t="s">
        <v>144</v>
      </c>
      <c r="G296" s="33" t="s">
        <v>314</v>
      </c>
      <c r="H296" s="84" t="s">
        <v>117</v>
      </c>
      <c r="I296" s="33" t="s">
        <v>301</v>
      </c>
      <c r="J296" s="84" t="s">
        <v>315</v>
      </c>
      <c r="K296" s="60" t="s">
        <v>72</v>
      </c>
      <c r="L296" s="60" t="s">
        <v>312</v>
      </c>
      <c r="M296" s="83" t="s">
        <v>143</v>
      </c>
      <c r="N296" s="60" t="s">
        <v>313</v>
      </c>
      <c r="O296" s="83" t="s">
        <v>144</v>
      </c>
      <c r="P296" s="60" t="s">
        <v>314</v>
      </c>
      <c r="Q296" s="244" t="s">
        <v>117</v>
      </c>
      <c r="R296" s="258" t="s">
        <v>301</v>
      </c>
      <c r="S296" s="83" t="s">
        <v>315</v>
      </c>
      <c r="T296" s="242"/>
      <c r="U296" s="242"/>
      <c r="V296" s="242"/>
      <c r="W296" s="242"/>
      <c r="X296" s="242"/>
      <c r="Y296" s="242"/>
      <c r="Z296" s="242"/>
      <c r="AA296" s="242"/>
      <c r="AB296" s="242"/>
      <c r="AC296" s="242"/>
      <c r="AD296" s="242"/>
      <c r="AE296" s="242"/>
      <c r="AF296" s="242"/>
      <c r="AG296" s="242"/>
      <c r="AH296" s="242"/>
      <c r="AI296" s="242"/>
      <c r="AJ296" s="242"/>
      <c r="AK296" s="242"/>
      <c r="AL296" s="242"/>
      <c r="AM296" s="242"/>
      <c r="AN296" s="242"/>
      <c r="AO296" s="242"/>
      <c r="AP296" s="242"/>
      <c r="AQ296" s="242"/>
      <c r="AR296" s="242"/>
      <c r="AS296" s="242"/>
      <c r="AT296" s="242"/>
      <c r="AU296" s="242"/>
      <c r="AV296" s="242"/>
      <c r="AW296" s="242"/>
    </row>
    <row r="297" spans="1:49" ht="72">
      <c r="A297" s="36"/>
      <c r="B297" s="37" t="s">
        <v>74</v>
      </c>
      <c r="C297" s="37" t="s">
        <v>159</v>
      </c>
      <c r="D297" s="86" t="s">
        <v>88</v>
      </c>
      <c r="E297" s="37" t="s">
        <v>160</v>
      </c>
      <c r="F297" s="86" t="s">
        <v>88</v>
      </c>
      <c r="G297" s="37" t="s">
        <v>161</v>
      </c>
      <c r="H297" s="86" t="s">
        <v>88</v>
      </c>
      <c r="I297" s="37" t="s">
        <v>301</v>
      </c>
      <c r="J297" s="86" t="s">
        <v>88</v>
      </c>
      <c r="K297" s="63" t="s">
        <v>74</v>
      </c>
      <c r="L297" s="63" t="s">
        <v>159</v>
      </c>
      <c r="M297" s="85" t="s">
        <v>88</v>
      </c>
      <c r="N297" s="63" t="s">
        <v>160</v>
      </c>
      <c r="O297" s="85" t="s">
        <v>88</v>
      </c>
      <c r="P297" s="63" t="s">
        <v>161</v>
      </c>
      <c r="Q297" s="255" t="s">
        <v>88</v>
      </c>
      <c r="R297" s="259" t="s">
        <v>301</v>
      </c>
      <c r="S297" s="85" t="s">
        <v>88</v>
      </c>
    </row>
    <row r="298" spans="1:49">
      <c r="A298" s="40" t="s">
        <v>350</v>
      </c>
      <c r="B298" s="197">
        <v>13878</v>
      </c>
      <c r="C298" s="199">
        <v>0.16339033606008055</v>
      </c>
      <c r="D298" s="89">
        <v>6.2774358812823922E-3</v>
      </c>
      <c r="E298" s="199">
        <v>0.11431845030675639</v>
      </c>
      <c r="F298" s="89">
        <v>5.4036185174879065E-3</v>
      </c>
      <c r="G298" s="199">
        <v>0.70621469489153232</v>
      </c>
      <c r="H298" s="89">
        <v>7.7323771471404035E-3</v>
      </c>
      <c r="I298" s="199">
        <v>1.6076518741640532E-2</v>
      </c>
      <c r="J298" s="89">
        <v>2.1440019009182566E-3</v>
      </c>
      <c r="K298" s="197">
        <v>13866</v>
      </c>
      <c r="L298" s="199">
        <v>0.24246825328875521</v>
      </c>
      <c r="M298" s="89">
        <v>7.2788846876738781E-3</v>
      </c>
      <c r="N298" s="199">
        <v>0.12754606611305092</v>
      </c>
      <c r="O298" s="89">
        <v>5.6669921283084594E-3</v>
      </c>
      <c r="P298" s="199">
        <v>0.60806084817354888</v>
      </c>
      <c r="Q298" s="256">
        <v>8.2905004196120579E-3</v>
      </c>
      <c r="R298" s="199">
        <v>2.1924832424661145E-2</v>
      </c>
      <c r="S298" s="89">
        <v>2.4944606318117587E-3</v>
      </c>
    </row>
    <row r="299" spans="1:49">
      <c r="A299" s="44" t="s">
        <v>351</v>
      </c>
      <c r="B299" s="198">
        <v>10196</v>
      </c>
      <c r="C299" s="200">
        <v>0.23298116959314863</v>
      </c>
      <c r="D299" s="92">
        <v>8.3726176962051844E-3</v>
      </c>
      <c r="E299" s="200">
        <v>0.1241100937099985</v>
      </c>
      <c r="F299" s="92">
        <v>6.5325001919750202E-3</v>
      </c>
      <c r="G299" s="200">
        <v>0.63229273388527618</v>
      </c>
      <c r="H299" s="92">
        <v>9.548890838625694E-3</v>
      </c>
      <c r="I299" s="200">
        <v>1.0616002811573835E-2</v>
      </c>
      <c r="J299" s="92">
        <v>2.0475817406493324E-3</v>
      </c>
      <c r="K299" s="198">
        <v>10178</v>
      </c>
      <c r="L299" s="200">
        <v>0.3143579821918957</v>
      </c>
      <c r="M299" s="92">
        <v>9.2024121563617778E-3</v>
      </c>
      <c r="N299" s="200">
        <v>0.13257185010653613</v>
      </c>
      <c r="O299" s="92">
        <v>6.7244385260997967E-3</v>
      </c>
      <c r="P299" s="200">
        <v>0.52882796947341926</v>
      </c>
      <c r="Q299" s="257">
        <v>9.8937510362868426E-3</v>
      </c>
      <c r="R299" s="200">
        <v>2.4242198228148513E-2</v>
      </c>
      <c r="S299" s="92">
        <v>3.0598250757300693E-3</v>
      </c>
    </row>
    <row r="300" spans="1:49">
      <c r="A300" s="40" t="s">
        <v>352</v>
      </c>
      <c r="B300" s="197">
        <v>3682</v>
      </c>
      <c r="C300" s="199">
        <v>0.10648612487476335</v>
      </c>
      <c r="D300" s="89">
        <v>1.0179226080639958E-2</v>
      </c>
      <c r="E300" s="199">
        <v>0.10631185352120638</v>
      </c>
      <c r="F300" s="89">
        <v>1.0171926721082273E-2</v>
      </c>
      <c r="G300" s="199">
        <v>0.76666045573060715</v>
      </c>
      <c r="H300" s="89">
        <v>1.3939114491659028E-2</v>
      </c>
      <c r="I300" s="199">
        <v>2.0541565873423859E-2</v>
      </c>
      <c r="J300" s="89">
        <v>4.730187941488751E-3</v>
      </c>
      <c r="K300" s="197">
        <v>3688</v>
      </c>
      <c r="L300" s="199">
        <v>0.18394347093250465</v>
      </c>
      <c r="M300" s="89">
        <v>1.2761866073402827E-2</v>
      </c>
      <c r="N300" s="199">
        <v>0.12345462052163975</v>
      </c>
      <c r="O300" s="89">
        <v>1.0843146443311287E-2</v>
      </c>
      <c r="P300" s="199">
        <v>0.67256362279981263</v>
      </c>
      <c r="Q300" s="256">
        <v>1.5448733445202551E-2</v>
      </c>
      <c r="R300" s="199">
        <v>2.0038285746043338E-2</v>
      </c>
      <c r="S300" s="89">
        <v>4.6706993838929569E-3</v>
      </c>
    </row>
    <row r="301" spans="1:49">
      <c r="A301" s="44" t="s">
        <v>534</v>
      </c>
      <c r="B301" s="198">
        <v>1879</v>
      </c>
      <c r="C301" s="200">
        <v>0.17861763070250888</v>
      </c>
      <c r="D301" s="92">
        <v>1.7680213816078295E-2</v>
      </c>
      <c r="E301" s="200">
        <v>0.12240954075898713</v>
      </c>
      <c r="F301" s="92">
        <v>1.5148795391713068E-2</v>
      </c>
      <c r="G301" s="200">
        <v>0.68328646112925639</v>
      </c>
      <c r="H301" s="92">
        <v>2.1447791181751243E-2</v>
      </c>
      <c r="I301" s="200">
        <v>1.5686367409251098E-2</v>
      </c>
      <c r="J301" s="92">
        <v>5.9088101272478264E-3</v>
      </c>
      <c r="K301" s="198">
        <v>1881</v>
      </c>
      <c r="L301" s="200">
        <v>0.26615652249377103</v>
      </c>
      <c r="M301" s="92">
        <v>2.0370523105820014E-2</v>
      </c>
      <c r="N301" s="200">
        <v>0.13398907176710684</v>
      </c>
      <c r="O301" s="92">
        <v>1.5730080302789072E-2</v>
      </c>
      <c r="P301" s="200">
        <v>0.58162861084750628</v>
      </c>
      <c r="Q301" s="257">
        <v>2.272497399729833E-2</v>
      </c>
      <c r="R301" s="200">
        <v>1.8225794891618727E-2</v>
      </c>
      <c r="S301" s="92">
        <v>6.3291900099154827E-3</v>
      </c>
    </row>
    <row r="302" spans="1:49">
      <c r="A302" s="40" t="s">
        <v>535</v>
      </c>
      <c r="B302" s="197">
        <v>1537</v>
      </c>
      <c r="C302" s="199">
        <v>0.21273486801987584</v>
      </c>
      <c r="D302" s="89">
        <v>2.0876733591917621E-2</v>
      </c>
      <c r="E302" s="199">
        <v>0.13260793336368873</v>
      </c>
      <c r="F302" s="89">
        <v>1.7331585745233392E-2</v>
      </c>
      <c r="G302" s="199">
        <v>0.64126826060818376</v>
      </c>
      <c r="H302" s="89">
        <v>2.4441682468386121E-2</v>
      </c>
      <c r="I302" s="199">
        <v>1.3388938008250558E-2</v>
      </c>
      <c r="J302" s="89">
        <v>6.121707483438806E-3</v>
      </c>
      <c r="K302" s="197">
        <v>1537</v>
      </c>
      <c r="L302" s="199">
        <v>0.29769213279236217</v>
      </c>
      <c r="M302" s="89">
        <v>2.3307538395718964E-2</v>
      </c>
      <c r="N302" s="199">
        <v>0.13170905229400434</v>
      </c>
      <c r="O302" s="89">
        <v>1.7282252121348242E-2</v>
      </c>
      <c r="P302" s="199">
        <v>0.55168890614856569</v>
      </c>
      <c r="Q302" s="256">
        <v>2.5338313560463319E-2</v>
      </c>
      <c r="R302" s="199">
        <v>1.8909908765066642E-2</v>
      </c>
      <c r="S302" s="89">
        <v>7.1604055954794677E-3</v>
      </c>
    </row>
    <row r="303" spans="1:49">
      <c r="A303" s="44" t="s">
        <v>546</v>
      </c>
      <c r="B303" s="198">
        <v>346</v>
      </c>
      <c r="C303" s="200">
        <v>7.1939027044560039E-2</v>
      </c>
      <c r="D303" s="92">
        <v>2.8471163649861797E-2</v>
      </c>
      <c r="E303" s="200">
        <v>9.1115549808247653E-2</v>
      </c>
      <c r="F303" s="92">
        <v>3.1462099713117572E-2</v>
      </c>
      <c r="G303" s="200">
        <v>0.81377909003707072</v>
      </c>
      <c r="H303" s="92">
        <v>4.1922414855763118E-2</v>
      </c>
      <c r="I303" s="200">
        <v>2.3166333110120826E-2</v>
      </c>
      <c r="J303" s="92">
        <v>1.7823577722075983E-2</v>
      </c>
      <c r="K303" s="198">
        <v>348</v>
      </c>
      <c r="L303" s="200">
        <v>0.16733020318684522</v>
      </c>
      <c r="M303" s="92">
        <v>4.0146284255258839E-2</v>
      </c>
      <c r="N303" s="200">
        <v>0.14257703695512805</v>
      </c>
      <c r="O303" s="92">
        <v>3.7709379782988363E-2</v>
      </c>
      <c r="P303" s="200">
        <v>0.67397160544087342</v>
      </c>
      <c r="Q303" s="257">
        <v>5.0047459126431756E-2</v>
      </c>
      <c r="R303" s="200">
        <v>1.6121154417151923E-2</v>
      </c>
      <c r="S303" s="92">
        <v>1.5503798242923134E-2</v>
      </c>
    </row>
    <row r="304" spans="1:49">
      <c r="A304" s="40" t="s">
        <v>536</v>
      </c>
      <c r="B304" s="197">
        <v>295</v>
      </c>
      <c r="C304" s="199">
        <v>0.28720721733675764</v>
      </c>
      <c r="D304" s="89">
        <v>5.2486361136005404E-2</v>
      </c>
      <c r="E304" s="199">
        <v>0.14411445586658378</v>
      </c>
      <c r="F304" s="89">
        <v>4.1172053054773568E-2</v>
      </c>
      <c r="G304" s="199">
        <v>0.56867832679665631</v>
      </c>
      <c r="H304" s="89">
        <v>5.729798223824753E-2</v>
      </c>
      <c r="I304" s="199">
        <v>0</v>
      </c>
      <c r="J304" s="89">
        <v>9.4279318741167257E-3</v>
      </c>
      <c r="K304" s="197">
        <v>296</v>
      </c>
      <c r="L304" s="199">
        <v>0.40265102801068303</v>
      </c>
      <c r="M304" s="89">
        <v>5.6659710335393534E-2</v>
      </c>
      <c r="N304" s="199">
        <v>0.13348617692486514</v>
      </c>
      <c r="O304" s="89">
        <v>3.9870780119315011E-2</v>
      </c>
      <c r="P304" s="199">
        <v>0.43988213421146904</v>
      </c>
      <c r="Q304" s="256">
        <v>5.7327314866716966E-2</v>
      </c>
      <c r="R304" s="199">
        <v>2.3980660852980677E-2</v>
      </c>
      <c r="S304" s="89">
        <v>1.9801623819026087E-2</v>
      </c>
    </row>
    <row r="305" spans="1:19">
      <c r="A305" s="44" t="s">
        <v>537</v>
      </c>
      <c r="B305" s="198">
        <v>86</v>
      </c>
      <c r="C305" s="200">
        <v>0.49645074724364691</v>
      </c>
      <c r="D305" s="92">
        <v>0.10540683040743742</v>
      </c>
      <c r="E305" s="200">
        <v>4.7177261851917125E-2</v>
      </c>
      <c r="F305" s="92">
        <v>5.2819634893430535E-2</v>
      </c>
      <c r="G305" s="200">
        <v>0.45637199090443603</v>
      </c>
      <c r="H305" s="92">
        <v>0.10504221974619531</v>
      </c>
      <c r="I305" s="200">
        <v>0</v>
      </c>
      <c r="J305" s="92">
        <v>3.1075817723560044E-2</v>
      </c>
      <c r="K305" s="198">
        <v>88</v>
      </c>
      <c r="L305" s="200">
        <v>0.58229727760942485</v>
      </c>
      <c r="M305" s="92">
        <v>0.10295699772834101</v>
      </c>
      <c r="N305" s="200">
        <v>0.18814933901363964</v>
      </c>
      <c r="O305" s="92">
        <v>8.3671698129736766E-2</v>
      </c>
      <c r="P305" s="200">
        <v>0.21358363658420199</v>
      </c>
      <c r="Q305" s="257">
        <v>8.7213883192489933E-2</v>
      </c>
      <c r="R305" s="200">
        <v>1.5969746792733514E-2</v>
      </c>
      <c r="S305" s="92">
        <v>3.9366982528755368E-2</v>
      </c>
    </row>
    <row r="306" spans="1:19">
      <c r="A306" s="40" t="s">
        <v>538</v>
      </c>
      <c r="B306" s="197">
        <v>90</v>
      </c>
      <c r="C306" s="199">
        <v>0.3227980540101863</v>
      </c>
      <c r="D306" s="89">
        <v>9.7022698939770086E-2</v>
      </c>
      <c r="E306" s="199">
        <v>0.19309304162380531</v>
      </c>
      <c r="F306" s="89">
        <v>8.3450555876263474E-2</v>
      </c>
      <c r="G306" s="199">
        <v>0.48410890436600856</v>
      </c>
      <c r="H306" s="89">
        <v>0.1030943603020619</v>
      </c>
      <c r="I306" s="199">
        <v>0</v>
      </c>
      <c r="J306" s="89">
        <v>2.976782656907849E-2</v>
      </c>
      <c r="K306" s="197">
        <v>89</v>
      </c>
      <c r="L306" s="199">
        <v>0.42460312366011976</v>
      </c>
      <c r="M306" s="89">
        <v>0.10260977343312234</v>
      </c>
      <c r="N306" s="199">
        <v>0.10114347282421544</v>
      </c>
      <c r="O306" s="89">
        <v>6.6979064403303562E-2</v>
      </c>
      <c r="P306" s="199">
        <v>0.40937283536459285</v>
      </c>
      <c r="Q306" s="256">
        <v>0.10212327402925353</v>
      </c>
      <c r="R306" s="199">
        <v>6.4880568151072265E-2</v>
      </c>
      <c r="S306" s="89">
        <v>5.7401507777396533E-2</v>
      </c>
    </row>
    <row r="307" spans="1:19">
      <c r="A307" s="44" t="s">
        <v>539</v>
      </c>
      <c r="B307" s="198">
        <v>100</v>
      </c>
      <c r="C307" s="200">
        <v>0.13144249149381687</v>
      </c>
      <c r="D307" s="92">
        <v>6.9174595811587525E-2</v>
      </c>
      <c r="E307" s="200">
        <v>0.17036453144944486</v>
      </c>
      <c r="F307" s="92">
        <v>7.5838427752497314E-2</v>
      </c>
      <c r="G307" s="200">
        <v>0.69819297705673899</v>
      </c>
      <c r="H307" s="92">
        <v>9.0656369416877006E-2</v>
      </c>
      <c r="I307" s="200">
        <v>0</v>
      </c>
      <c r="J307" s="92">
        <v>2.693364120714959E-2</v>
      </c>
      <c r="K307" s="198">
        <v>100</v>
      </c>
      <c r="L307" s="200">
        <v>0.25022685070457373</v>
      </c>
      <c r="M307" s="92">
        <v>8.600537935361724E-2</v>
      </c>
      <c r="N307" s="200">
        <v>0.12393407528213261</v>
      </c>
      <c r="O307" s="92">
        <v>6.7722312417179312E-2</v>
      </c>
      <c r="P307" s="200">
        <v>0.62459376227861452</v>
      </c>
      <c r="Q307" s="257">
        <v>9.520171984452637E-2</v>
      </c>
      <c r="R307" s="200">
        <v>1.2453117346796769E-3</v>
      </c>
      <c r="S307" s="92">
        <v>2.7742548302348607E-2</v>
      </c>
    </row>
    <row r="308" spans="1:19">
      <c r="A308" s="40" t="s">
        <v>540</v>
      </c>
      <c r="B308" s="197">
        <v>114</v>
      </c>
      <c r="C308" s="199">
        <v>0.29543783158700426</v>
      </c>
      <c r="D308" s="89">
        <v>8.456132663616106E-2</v>
      </c>
      <c r="E308" s="199">
        <v>0.16003880417400129</v>
      </c>
      <c r="F308" s="89">
        <v>6.9411345616627498E-2</v>
      </c>
      <c r="G308" s="199">
        <v>0.54452336423899461</v>
      </c>
      <c r="H308" s="89">
        <v>9.1716177417619699E-2</v>
      </c>
      <c r="I308" s="199">
        <v>0</v>
      </c>
      <c r="J308" s="89">
        <v>2.3765720057393202E-2</v>
      </c>
      <c r="K308" s="197">
        <v>114</v>
      </c>
      <c r="L308" s="199">
        <v>0.40710249013282762</v>
      </c>
      <c r="M308" s="89">
        <v>9.0562314384307827E-2</v>
      </c>
      <c r="N308" s="199">
        <v>0.15376135373616553</v>
      </c>
      <c r="O308" s="89">
        <v>6.8422561431630446E-2</v>
      </c>
      <c r="P308" s="199">
        <v>0.43294916722989624</v>
      </c>
      <c r="Q308" s="256">
        <v>9.1281613175907106E-2</v>
      </c>
      <c r="R308" s="199">
        <v>6.1869889011107616E-3</v>
      </c>
      <c r="S308" s="89">
        <v>2.7556286060567526E-2</v>
      </c>
    </row>
    <row r="309" spans="1:19">
      <c r="A309" s="44" t="s">
        <v>541</v>
      </c>
      <c r="B309" s="198">
        <v>112</v>
      </c>
      <c r="C309" s="200">
        <v>0.26636513993508726</v>
      </c>
      <c r="D309" s="92">
        <v>8.2861402112924171E-2</v>
      </c>
      <c r="E309" s="200">
        <v>0.15334408610578576</v>
      </c>
      <c r="F309" s="92">
        <v>6.8976356773585698E-2</v>
      </c>
      <c r="G309" s="200">
        <v>0.56833754634601485</v>
      </c>
      <c r="H309" s="92">
        <v>9.2035693447698019E-2</v>
      </c>
      <c r="I309" s="200">
        <v>1.195322761311219E-2</v>
      </c>
      <c r="J309" s="92">
        <v>3.1047237967242954E-2</v>
      </c>
      <c r="K309" s="198">
        <v>111</v>
      </c>
      <c r="L309" s="200">
        <v>0.29107745403363855</v>
      </c>
      <c r="M309" s="92">
        <v>8.5330047477049933E-2</v>
      </c>
      <c r="N309" s="200">
        <v>0.16429590501781696</v>
      </c>
      <c r="O309" s="92">
        <v>7.1018974582336913E-2</v>
      </c>
      <c r="P309" s="200">
        <v>0.51083457529507947</v>
      </c>
      <c r="Q309" s="257">
        <v>9.3230082117009144E-2</v>
      </c>
      <c r="R309" s="200">
        <v>3.3792065653465146E-2</v>
      </c>
      <c r="S309" s="92">
        <v>4.065002031564096E-2</v>
      </c>
    </row>
    <row r="310" spans="1:19">
      <c r="A310" s="40" t="s">
        <v>542</v>
      </c>
      <c r="B310" s="197">
        <v>173</v>
      </c>
      <c r="C310" s="199">
        <v>0.27713876511898861</v>
      </c>
      <c r="D310" s="89">
        <v>6.7656885531987662E-2</v>
      </c>
      <c r="E310" s="199">
        <v>0.12268195931104899</v>
      </c>
      <c r="F310" s="89">
        <v>5.0755454426406027E-2</v>
      </c>
      <c r="G310" s="199">
        <v>0.58716396416740035</v>
      </c>
      <c r="H310" s="89">
        <v>7.4065470442705894E-2</v>
      </c>
      <c r="I310" s="199">
        <v>1.3015311402561895E-2</v>
      </c>
      <c r="J310" s="89">
        <v>2.3017372535024387E-2</v>
      </c>
      <c r="K310" s="197">
        <v>173</v>
      </c>
      <c r="L310" s="199">
        <v>0.37602258311529302</v>
      </c>
      <c r="M310" s="89">
        <v>7.2923837312705422E-2</v>
      </c>
      <c r="N310" s="199">
        <v>0.14974546163623234</v>
      </c>
      <c r="O310" s="89">
        <v>5.4783370969828361E-2</v>
      </c>
      <c r="P310" s="199">
        <v>0.46767274964672417</v>
      </c>
      <c r="Q310" s="256">
        <v>7.5014371371321872E-2</v>
      </c>
      <c r="R310" s="199">
        <v>6.5592056017503477E-3</v>
      </c>
      <c r="S310" s="89">
        <v>1.9827932914900592E-2</v>
      </c>
    </row>
    <row r="311" spans="1:19">
      <c r="A311" s="44" t="s">
        <v>547</v>
      </c>
      <c r="B311" s="198">
        <v>72</v>
      </c>
      <c r="C311" s="200">
        <v>0.21691514575661647</v>
      </c>
      <c r="D311" s="92">
        <v>9.6811389170506718E-2</v>
      </c>
      <c r="E311" s="200">
        <v>0.11672490884757948</v>
      </c>
      <c r="F311" s="92">
        <v>7.8859106949651522E-2</v>
      </c>
      <c r="G311" s="200">
        <v>0.63857966172233938</v>
      </c>
      <c r="H311" s="92">
        <v>0.11068304378147667</v>
      </c>
      <c r="I311" s="200">
        <v>2.7780283673464724E-2</v>
      </c>
      <c r="J311" s="92">
        <v>5.1228908342984866E-2</v>
      </c>
      <c r="K311" s="198">
        <v>72</v>
      </c>
      <c r="L311" s="200">
        <v>0.34395599555312167</v>
      </c>
      <c r="M311" s="92">
        <v>0.10957956674440188</v>
      </c>
      <c r="N311" s="200">
        <v>0.17984372872129423</v>
      </c>
      <c r="O311" s="92">
        <v>9.119253952226096E-2</v>
      </c>
      <c r="P311" s="200">
        <v>0.46304810225297482</v>
      </c>
      <c r="Q311" s="257">
        <v>0.11442637386420307</v>
      </c>
      <c r="R311" s="200">
        <v>1.3152173472609512E-2</v>
      </c>
      <c r="S311" s="92">
        <v>4.429101430916646E-2</v>
      </c>
    </row>
    <row r="312" spans="1:19">
      <c r="A312" s="52" t="s">
        <v>548</v>
      </c>
      <c r="B312" s="197">
        <v>124</v>
      </c>
      <c r="C312" s="199">
        <v>0.124696484773941</v>
      </c>
      <c r="D312" s="89">
        <v>6.0676657244585784E-2</v>
      </c>
      <c r="E312" s="199">
        <v>0.14715119813133221</v>
      </c>
      <c r="F312" s="89">
        <v>6.4507153449307908E-2</v>
      </c>
      <c r="G312" s="199">
        <v>0.70735040083941525</v>
      </c>
      <c r="H312" s="89">
        <v>8.0941908481256736E-2</v>
      </c>
      <c r="I312" s="199">
        <v>2.0801916255310915E-2</v>
      </c>
      <c r="J312" s="89">
        <v>3.2833325734136894E-2</v>
      </c>
      <c r="K312" s="197">
        <v>124</v>
      </c>
      <c r="L312" s="199">
        <v>0.22663621752884247</v>
      </c>
      <c r="M312" s="89">
        <v>7.4972859871765912E-2</v>
      </c>
      <c r="N312" s="199">
        <v>0.173669272568935</v>
      </c>
      <c r="O312" s="89">
        <v>6.8479010121257664E-2</v>
      </c>
      <c r="P312" s="199">
        <v>0.59969450990222217</v>
      </c>
      <c r="Q312" s="256">
        <v>8.6723786718919033E-2</v>
      </c>
      <c r="R312" s="199">
        <v>0</v>
      </c>
      <c r="S312" s="89">
        <v>2.1923773750628563E-2</v>
      </c>
    </row>
    <row r="313" spans="1:19">
      <c r="A313" s="44" t="s">
        <v>549</v>
      </c>
      <c r="B313" s="198">
        <v>101</v>
      </c>
      <c r="C313" s="200">
        <v>0.25024838137225952</v>
      </c>
      <c r="D313" s="92">
        <v>8.5587282878587773E-2</v>
      </c>
      <c r="E313" s="200">
        <v>0.14313780012645744</v>
      </c>
      <c r="F313" s="92">
        <v>7.0957387126675639E-2</v>
      </c>
      <c r="G313" s="200">
        <v>0.60598083942852199</v>
      </c>
      <c r="H313" s="92">
        <v>9.5540074480859521E-2</v>
      </c>
      <c r="I313" s="200">
        <v>6.329790727622682E-4</v>
      </c>
      <c r="J313" s="92">
        <v>2.7094267356283324E-2</v>
      </c>
      <c r="K313" s="198">
        <v>102</v>
      </c>
      <c r="L313" s="200">
        <v>0.35066033435343619</v>
      </c>
      <c r="M313" s="92">
        <v>9.3030549053434539E-2</v>
      </c>
      <c r="N313" s="200">
        <v>9.1111318231420574E-2</v>
      </c>
      <c r="O313" s="92">
        <v>5.9933950476014311E-2</v>
      </c>
      <c r="P313" s="200">
        <v>0.54778549573725721</v>
      </c>
      <c r="Q313" s="257">
        <v>9.6716982741845536E-2</v>
      </c>
      <c r="R313" s="200">
        <v>1.0442851677887001E-2</v>
      </c>
      <c r="S313" s="92">
        <v>3.2552152887378463E-2</v>
      </c>
    </row>
    <row r="314" spans="1:19">
      <c r="A314" s="52" t="s">
        <v>550</v>
      </c>
      <c r="B314" s="197">
        <v>132</v>
      </c>
      <c r="C314" s="199">
        <v>0.14737696515127913</v>
      </c>
      <c r="D314" s="89">
        <v>6.2512052140481167E-2</v>
      </c>
      <c r="E314" s="199">
        <v>9.9422331571038913E-2</v>
      </c>
      <c r="F314" s="89">
        <v>5.3916518238386897E-2</v>
      </c>
      <c r="G314" s="199">
        <v>0.72636331561760459</v>
      </c>
      <c r="H314" s="89">
        <v>7.7027394296887264E-2</v>
      </c>
      <c r="I314" s="199">
        <v>2.6837387660077611E-2</v>
      </c>
      <c r="J314" s="89">
        <v>3.3908636700085544E-2</v>
      </c>
      <c r="K314" s="197">
        <v>132</v>
      </c>
      <c r="L314" s="199">
        <v>0.19855461128717711</v>
      </c>
      <c r="M314" s="89">
        <v>6.953571346500001E-2</v>
      </c>
      <c r="N314" s="199">
        <v>0.1298004792303086</v>
      </c>
      <c r="O314" s="89">
        <v>5.9630082716128442E-2</v>
      </c>
      <c r="P314" s="199">
        <v>0.64699294877214186</v>
      </c>
      <c r="Q314" s="256">
        <v>8.2184401268477772E-2</v>
      </c>
      <c r="R314" s="199">
        <v>2.4651960710372602E-2</v>
      </c>
      <c r="S314" s="89">
        <v>3.3050893592955544E-2</v>
      </c>
    </row>
    <row r="315" spans="1:19">
      <c r="A315" s="44" t="s">
        <v>551</v>
      </c>
      <c r="B315" s="198">
        <v>123</v>
      </c>
      <c r="C315" s="200">
        <v>0.11615133243222669</v>
      </c>
      <c r="D315" s="92">
        <v>5.933895329374618E-2</v>
      </c>
      <c r="E315" s="200">
        <v>0.10358957004028949</v>
      </c>
      <c r="F315" s="92">
        <v>5.6846677809707251E-2</v>
      </c>
      <c r="G315" s="200">
        <v>0.7636901900819677</v>
      </c>
      <c r="H315" s="92">
        <v>7.6287584420356588E-2</v>
      </c>
      <c r="I315" s="200">
        <v>1.6568907445516215E-2</v>
      </c>
      <c r="J315" s="92">
        <v>3.1138075155078486E-2</v>
      </c>
      <c r="K315" s="198">
        <v>123</v>
      </c>
      <c r="L315" s="200">
        <v>0.21326250186423426</v>
      </c>
      <c r="M315" s="92">
        <v>7.3790330270171553E-2</v>
      </c>
      <c r="N315" s="200">
        <v>7.7260450018378168E-2</v>
      </c>
      <c r="O315" s="92">
        <v>5.0934955007905007E-2</v>
      </c>
      <c r="P315" s="200">
        <v>0.68188506402417315</v>
      </c>
      <c r="Q315" s="257">
        <v>8.3046125601114421E-2</v>
      </c>
      <c r="R315" s="200">
        <v>2.7591984093214273E-2</v>
      </c>
      <c r="S315" s="92">
        <v>3.57890551415571E-2</v>
      </c>
    </row>
    <row r="316" spans="1:19">
      <c r="A316" s="52" t="s">
        <v>543</v>
      </c>
      <c r="B316" s="197">
        <v>168</v>
      </c>
      <c r="C316" s="199">
        <v>0.2217962538475112</v>
      </c>
      <c r="D316" s="89">
        <v>6.4005939433868481E-2</v>
      </c>
      <c r="E316" s="199">
        <v>0.13230771796643881</v>
      </c>
      <c r="F316" s="89">
        <v>5.3050552360231158E-2</v>
      </c>
      <c r="G316" s="199">
        <v>0.64589602818604963</v>
      </c>
      <c r="H316" s="89">
        <v>7.3086897508739104E-2</v>
      </c>
      <c r="I316" s="199">
        <v>0</v>
      </c>
      <c r="J316" s="89">
        <v>1.6348457544826219E-2</v>
      </c>
      <c r="K316" s="197">
        <v>168</v>
      </c>
      <c r="L316" s="199">
        <v>0.26503598726831901</v>
      </c>
      <c r="M316" s="89">
        <v>6.7742651259391121E-2</v>
      </c>
      <c r="N316" s="199">
        <v>0.1526623315083443</v>
      </c>
      <c r="O316" s="89">
        <v>5.6011340137393902E-2</v>
      </c>
      <c r="P316" s="199">
        <v>0.56498797049319105</v>
      </c>
      <c r="Q316" s="256">
        <v>7.5632329499288928E-2</v>
      </c>
      <c r="R316" s="199">
        <v>1.7313710730145034E-2</v>
      </c>
      <c r="S316" s="89">
        <v>2.5392042461573089E-2</v>
      </c>
    </row>
    <row r="317" spans="1:19">
      <c r="A317" s="44" t="s">
        <v>544</v>
      </c>
      <c r="B317" s="198">
        <v>49</v>
      </c>
      <c r="C317" s="200">
        <v>0.21824539991664693</v>
      </c>
      <c r="D317" s="92">
        <v>0.11724668616755228</v>
      </c>
      <c r="E317" s="200">
        <v>0.14209583545310633</v>
      </c>
      <c r="F317" s="92">
        <v>0.1029783395175934</v>
      </c>
      <c r="G317" s="200">
        <v>0.63965876463024685</v>
      </c>
      <c r="H317" s="92">
        <v>0.13270151439937489</v>
      </c>
      <c r="I317" s="200">
        <v>0</v>
      </c>
      <c r="J317" s="92">
        <v>5.2349950714565462E-2</v>
      </c>
      <c r="K317" s="198">
        <v>49</v>
      </c>
      <c r="L317" s="200">
        <v>0.21586824447038386</v>
      </c>
      <c r="M317" s="92">
        <v>0.11687603293873677</v>
      </c>
      <c r="N317" s="200">
        <v>0.15556525654981893</v>
      </c>
      <c r="O317" s="92">
        <v>0.10589998041688402</v>
      </c>
      <c r="P317" s="200">
        <v>0.5913330242514252</v>
      </c>
      <c r="Q317" s="257">
        <v>0.135387603505085</v>
      </c>
      <c r="R317" s="200">
        <v>3.7233474728372129E-2</v>
      </c>
      <c r="S317" s="92">
        <v>7.1084479545925755E-2</v>
      </c>
    </row>
    <row r="318" spans="1:19">
      <c r="A318" s="52" t="s">
        <v>552</v>
      </c>
      <c r="B318" s="197">
        <v>119</v>
      </c>
      <c r="C318" s="199">
        <v>0.22329197674204709</v>
      </c>
      <c r="D318" s="89">
        <v>7.6153820244101333E-2</v>
      </c>
      <c r="E318" s="199">
        <v>0.12818467835279521</v>
      </c>
      <c r="F318" s="89">
        <v>6.262517528928592E-2</v>
      </c>
      <c r="G318" s="199">
        <v>0.64852334490515728</v>
      </c>
      <c r="H318" s="89">
        <v>8.636323941822055E-2</v>
      </c>
      <c r="I318" s="199">
        <v>0</v>
      </c>
      <c r="J318" s="89">
        <v>2.2807622255924295E-2</v>
      </c>
      <c r="K318" s="197">
        <v>119</v>
      </c>
      <c r="L318" s="199">
        <v>0.28574686977922653</v>
      </c>
      <c r="M318" s="89">
        <v>8.2053462896527249E-2</v>
      </c>
      <c r="N318" s="199">
        <v>0.15143953509649696</v>
      </c>
      <c r="O318" s="89">
        <v>6.6572092576847347E-2</v>
      </c>
      <c r="P318" s="199">
        <v>0.55389066803265907</v>
      </c>
      <c r="Q318" s="256">
        <v>8.9675406679978378E-2</v>
      </c>
      <c r="R318" s="199">
        <v>8.9229270916166767E-3</v>
      </c>
      <c r="S318" s="89">
        <v>2.8095803624256586E-2</v>
      </c>
    </row>
    <row r="319" spans="1:19">
      <c r="A319" s="44" t="s">
        <v>545</v>
      </c>
      <c r="B319" s="198">
        <v>191</v>
      </c>
      <c r="C319" s="200">
        <v>0.27751288424716908</v>
      </c>
      <c r="D319" s="92">
        <v>6.4451841712572788E-2</v>
      </c>
      <c r="E319" s="200">
        <v>0.14184853498942668</v>
      </c>
      <c r="F319" s="92">
        <v>5.1027597267946048E-2</v>
      </c>
      <c r="G319" s="200">
        <v>0.5512740190622254</v>
      </c>
      <c r="H319" s="92">
        <v>7.1249324052752999E-2</v>
      </c>
      <c r="I319" s="200">
        <v>2.9364561701178134E-2</v>
      </c>
      <c r="J319" s="92">
        <v>2.7733593112649155E-2</v>
      </c>
      <c r="K319" s="198">
        <v>190</v>
      </c>
      <c r="L319" s="200">
        <v>0.37767645329184141</v>
      </c>
      <c r="M319" s="92">
        <v>6.9704475110936318E-2</v>
      </c>
      <c r="N319" s="200">
        <v>6.5686537949173535E-2</v>
      </c>
      <c r="O319" s="92">
        <v>3.7737593150345472E-2</v>
      </c>
      <c r="P319" s="200">
        <v>0.49886395395691369</v>
      </c>
      <c r="Q319" s="257">
        <v>7.1795638105361159E-2</v>
      </c>
      <c r="R319" s="200">
        <v>5.7773054802070678E-2</v>
      </c>
      <c r="S319" s="92">
        <v>3.5873981052064206E-2</v>
      </c>
    </row>
    <row r="322" spans="1:10" ht="18.75">
      <c r="A322" s="337" t="s">
        <v>356</v>
      </c>
      <c r="B322" s="337"/>
      <c r="C322" s="337"/>
      <c r="D322" s="337"/>
      <c r="E322" s="224"/>
      <c r="F322" s="224"/>
      <c r="G322" s="224"/>
      <c r="H322" s="224"/>
      <c r="I322" s="224"/>
      <c r="J322" s="238"/>
    </row>
    <row r="323" spans="1:10" ht="133.5" customHeight="1">
      <c r="A323" s="417" t="s">
        <v>606</v>
      </c>
      <c r="B323" s="417"/>
      <c r="C323" s="417"/>
      <c r="D323" s="417"/>
      <c r="E323" s="260"/>
      <c r="F323" s="260"/>
      <c r="G323" s="260"/>
      <c r="H323" s="260"/>
      <c r="I323" s="260"/>
    </row>
    <row r="324" spans="1:10" ht="36" customHeight="1">
      <c r="A324" s="404" t="s">
        <v>145</v>
      </c>
      <c r="B324" s="404"/>
      <c r="C324" s="404"/>
      <c r="D324" s="404"/>
    </row>
    <row r="325" spans="1:10" ht="40.5" customHeight="1">
      <c r="A325" s="32" t="s">
        <v>71</v>
      </c>
      <c r="B325" s="33" t="s">
        <v>72</v>
      </c>
      <c r="C325" s="34" t="s">
        <v>589</v>
      </c>
      <c r="D325" s="35" t="s">
        <v>73</v>
      </c>
    </row>
    <row r="326" spans="1:10" ht="72">
      <c r="A326" s="36"/>
      <c r="B326" s="37" t="s">
        <v>74</v>
      </c>
      <c r="C326" s="123" t="s">
        <v>146</v>
      </c>
      <c r="D326" s="39" t="s">
        <v>76</v>
      </c>
    </row>
    <row r="327" spans="1:10">
      <c r="A327" s="40" t="s">
        <v>350</v>
      </c>
      <c r="B327" s="201">
        <v>11523</v>
      </c>
      <c r="C327" s="79">
        <v>3.9201570078785295</v>
      </c>
      <c r="D327" s="80">
        <v>2.5636434985028492E-2</v>
      </c>
    </row>
    <row r="328" spans="1:10">
      <c r="A328" s="44" t="s">
        <v>351</v>
      </c>
      <c r="B328" s="44">
        <v>8372</v>
      </c>
      <c r="C328" s="205">
        <v>3.6477619545416866</v>
      </c>
      <c r="D328" s="206">
        <v>2.9306209513935266E-2</v>
      </c>
    </row>
    <row r="329" spans="1:10">
      <c r="A329" s="40" t="s">
        <v>352</v>
      </c>
      <c r="B329" s="48">
        <v>3151</v>
      </c>
      <c r="C329" s="79">
        <v>4.1345471164411531</v>
      </c>
      <c r="D329" s="80">
        <v>5.0877959499426736E-2</v>
      </c>
    </row>
    <row r="330" spans="1:10">
      <c r="A330" s="44" t="s">
        <v>534</v>
      </c>
      <c r="B330" s="44">
        <v>1597</v>
      </c>
      <c r="C330" s="205">
        <v>3.8265269230786458</v>
      </c>
      <c r="D330" s="206">
        <v>6.7693536820923828E-2</v>
      </c>
    </row>
    <row r="331" spans="1:10">
      <c r="A331" s="40" t="s">
        <v>535</v>
      </c>
      <c r="B331" s="48">
        <v>1300</v>
      </c>
      <c r="C331" s="79">
        <v>3.6724459602110615</v>
      </c>
      <c r="D331" s="80">
        <v>7.3755059643068388E-2</v>
      </c>
    </row>
    <row r="332" spans="1:10">
      <c r="A332" s="44" t="s">
        <v>546</v>
      </c>
      <c r="B332" s="44">
        <v>300</v>
      </c>
      <c r="C332" s="205">
        <v>4.3177780702688331</v>
      </c>
      <c r="D332" s="206">
        <v>0.15414738032365849</v>
      </c>
    </row>
    <row r="333" spans="1:10">
      <c r="A333" s="40" t="s">
        <v>536</v>
      </c>
      <c r="B333" s="48">
        <v>242</v>
      </c>
      <c r="C333" s="79">
        <v>3.5978148665711118</v>
      </c>
      <c r="D333" s="80">
        <v>0.16590317929253712</v>
      </c>
    </row>
    <row r="334" spans="1:10">
      <c r="A334" s="44" t="s">
        <v>537</v>
      </c>
      <c r="B334" s="44">
        <v>74</v>
      </c>
      <c r="C334" s="205">
        <v>3.2092064137738716</v>
      </c>
      <c r="D334" s="206">
        <v>0.31744532486176918</v>
      </c>
    </row>
    <row r="335" spans="1:10">
      <c r="A335" s="40" t="s">
        <v>538</v>
      </c>
      <c r="B335" s="48">
        <v>72</v>
      </c>
      <c r="C335" s="79">
        <v>3.7214382427381776</v>
      </c>
      <c r="D335" s="80">
        <v>0.23769438903034387</v>
      </c>
    </row>
    <row r="336" spans="1:10">
      <c r="A336" s="44" t="s">
        <v>539</v>
      </c>
      <c r="B336" s="44">
        <v>77</v>
      </c>
      <c r="C336" s="205">
        <v>3.6878478590847075</v>
      </c>
      <c r="D336" s="206">
        <v>0.29757103391658479</v>
      </c>
    </row>
    <row r="337" spans="1:46">
      <c r="A337" s="40" t="s">
        <v>540</v>
      </c>
      <c r="B337" s="201">
        <v>99</v>
      </c>
      <c r="C337" s="79">
        <v>3.3319165512604707</v>
      </c>
      <c r="D337" s="80">
        <v>0.23347487595515559</v>
      </c>
    </row>
    <row r="338" spans="1:46">
      <c r="A338" s="44" t="s">
        <v>541</v>
      </c>
      <c r="B338" s="204">
        <v>98</v>
      </c>
      <c r="C338" s="205">
        <v>3.3693741327549649</v>
      </c>
      <c r="D338" s="206">
        <v>0.26086938312409591</v>
      </c>
    </row>
    <row r="339" spans="1:46">
      <c r="A339" s="40" t="s">
        <v>542</v>
      </c>
      <c r="B339" s="78">
        <v>158</v>
      </c>
      <c r="C339" s="79">
        <v>2.9665583761491852</v>
      </c>
      <c r="D339" s="80">
        <v>0.19820853275682371</v>
      </c>
    </row>
    <row r="340" spans="1:46">
      <c r="A340" s="44" t="s">
        <v>547</v>
      </c>
      <c r="B340" s="204">
        <v>64</v>
      </c>
      <c r="C340" s="205">
        <v>2.7829591411004078</v>
      </c>
      <c r="D340" s="206">
        <v>0.29705366717967951</v>
      </c>
    </row>
    <row r="341" spans="1:46">
      <c r="A341" s="52" t="s">
        <v>548</v>
      </c>
      <c r="B341" s="201">
        <v>108</v>
      </c>
      <c r="C341" s="79">
        <v>4.0603612116230225</v>
      </c>
      <c r="D341" s="80">
        <v>0.28062702234832904</v>
      </c>
    </row>
    <row r="342" spans="1:46">
      <c r="A342" s="44" t="s">
        <v>549</v>
      </c>
      <c r="B342" s="204">
        <v>74</v>
      </c>
      <c r="C342" s="205">
        <v>4.1080702759545042</v>
      </c>
      <c r="D342" s="206">
        <v>0.31718911103198216</v>
      </c>
    </row>
    <row r="343" spans="1:46">
      <c r="A343" s="52" t="s">
        <v>550</v>
      </c>
      <c r="B343" s="201">
        <v>107</v>
      </c>
      <c r="C343" s="79">
        <v>3.8121237242551045</v>
      </c>
      <c r="D343" s="80">
        <v>0.25726382502371414</v>
      </c>
    </row>
    <row r="344" spans="1:46">
      <c r="A344" s="44" t="s">
        <v>551</v>
      </c>
      <c r="B344" s="204">
        <v>106</v>
      </c>
      <c r="C344" s="205">
        <v>3.9080495124550767</v>
      </c>
      <c r="D344" s="206">
        <v>0.27244496373598154</v>
      </c>
    </row>
    <row r="345" spans="1:46">
      <c r="A345" s="52" t="s">
        <v>543</v>
      </c>
      <c r="B345" s="201">
        <v>133</v>
      </c>
      <c r="C345" s="79">
        <v>4.0780269753604523</v>
      </c>
      <c r="D345" s="80">
        <v>0.21129953540503968</v>
      </c>
    </row>
    <row r="346" spans="1:46">
      <c r="A346" s="44" t="s">
        <v>544</v>
      </c>
      <c r="B346" s="204">
        <v>40</v>
      </c>
      <c r="C346" s="205">
        <v>4.5676365818571414</v>
      </c>
      <c r="D346" s="206">
        <v>0.35729014102238371</v>
      </c>
    </row>
    <row r="347" spans="1:46">
      <c r="A347" s="52" t="s">
        <v>552</v>
      </c>
      <c r="B347" s="201">
        <v>93</v>
      </c>
      <c r="C347" s="79">
        <v>3.8514256278907064</v>
      </c>
      <c r="D347" s="80">
        <v>0.25175843733083975</v>
      </c>
    </row>
    <row r="348" spans="1:46">
      <c r="A348" s="44" t="s">
        <v>545</v>
      </c>
      <c r="B348" s="204">
        <v>171</v>
      </c>
      <c r="C348" s="205">
        <v>3.2724658243029725</v>
      </c>
      <c r="D348" s="206">
        <v>0.193179063290427</v>
      </c>
    </row>
    <row r="351" spans="1:46" ht="18.75">
      <c r="A351" s="337" t="s">
        <v>357</v>
      </c>
      <c r="B351" s="337"/>
      <c r="C351" s="337"/>
      <c r="D351" s="337"/>
      <c r="E351" s="337"/>
      <c r="F351" s="337"/>
      <c r="G351" s="337"/>
      <c r="H351" s="337"/>
      <c r="I351" s="337"/>
      <c r="J351" s="337"/>
      <c r="K351" s="337"/>
      <c r="L351" s="337"/>
      <c r="M351" s="337"/>
      <c r="N351" s="337"/>
      <c r="O351" s="337"/>
      <c r="P351" s="337"/>
      <c r="Q351" s="337"/>
      <c r="R351" s="337"/>
      <c r="S351" s="337"/>
      <c r="T351" s="337"/>
      <c r="U351" s="337"/>
      <c r="V351" s="337"/>
      <c r="W351" s="337"/>
      <c r="X351" s="337"/>
      <c r="Y351" s="337"/>
      <c r="Z351" s="337"/>
      <c r="AA351" s="337"/>
      <c r="AB351" s="337"/>
      <c r="AC351" s="337"/>
      <c r="AD351" s="337"/>
      <c r="AE351" s="337"/>
      <c r="AF351" s="337"/>
      <c r="AG351" s="337"/>
      <c r="AH351" s="337"/>
      <c r="AI351" s="337"/>
      <c r="AJ351" s="337"/>
      <c r="AK351" s="337"/>
      <c r="AL351" s="337"/>
      <c r="AM351" s="337"/>
      <c r="AN351" s="337"/>
      <c r="AO351" s="337"/>
      <c r="AP351" s="337"/>
      <c r="AQ351" s="337"/>
      <c r="AR351" s="337"/>
      <c r="AS351" s="337"/>
      <c r="AT351" s="337"/>
    </row>
    <row r="352" spans="1:46" ht="66.75" customHeight="1">
      <c r="A352" s="417" t="s">
        <v>599</v>
      </c>
      <c r="B352" s="417"/>
      <c r="C352" s="417"/>
      <c r="D352" s="417"/>
      <c r="E352" s="417"/>
      <c r="F352" s="417"/>
      <c r="G352" s="417"/>
      <c r="H352" s="417"/>
      <c r="I352" s="417"/>
      <c r="J352" s="417"/>
      <c r="K352" s="417"/>
      <c r="L352" s="417"/>
      <c r="M352" s="417"/>
      <c r="N352" s="417"/>
      <c r="O352" s="417"/>
      <c r="P352" s="417"/>
      <c r="Q352" s="417"/>
      <c r="R352" s="417"/>
      <c r="S352" s="417"/>
      <c r="T352" s="417"/>
      <c r="U352" s="417"/>
      <c r="V352" s="417"/>
      <c r="W352" s="417"/>
      <c r="X352" s="417"/>
      <c r="Y352" s="417"/>
      <c r="Z352" s="417"/>
      <c r="AA352" s="417"/>
      <c r="AB352" s="417"/>
      <c r="AC352" s="417"/>
      <c r="AD352" s="417"/>
      <c r="AE352" s="417"/>
      <c r="AF352" s="417"/>
      <c r="AG352" s="417"/>
      <c r="AH352" s="417"/>
      <c r="AI352" s="417"/>
      <c r="AJ352" s="417"/>
      <c r="AK352" s="417"/>
      <c r="AL352" s="417"/>
      <c r="AM352" s="417"/>
      <c r="AN352" s="417"/>
      <c r="AO352" s="417"/>
      <c r="AP352" s="417"/>
      <c r="AQ352" s="417"/>
      <c r="AR352" s="417"/>
      <c r="AS352" s="417"/>
      <c r="AT352" s="417"/>
    </row>
    <row r="353" spans="1:46" ht="36" customHeight="1">
      <c r="A353" s="59"/>
      <c r="B353" s="400" t="s">
        <v>291</v>
      </c>
      <c r="C353" s="401"/>
      <c r="D353" s="401"/>
      <c r="E353" s="401"/>
      <c r="F353" s="401"/>
      <c r="G353" s="401"/>
      <c r="H353" s="401"/>
      <c r="I353" s="401"/>
      <c r="J353" s="402"/>
      <c r="K353" s="400" t="s">
        <v>292</v>
      </c>
      <c r="L353" s="401"/>
      <c r="M353" s="401"/>
      <c r="N353" s="401"/>
      <c r="O353" s="401"/>
      <c r="P353" s="401"/>
      <c r="Q353" s="401"/>
      <c r="R353" s="401"/>
      <c r="S353" s="402"/>
      <c r="T353" s="400" t="s">
        <v>293</v>
      </c>
      <c r="U353" s="401"/>
      <c r="V353" s="401"/>
      <c r="W353" s="401"/>
      <c r="X353" s="401"/>
      <c r="Y353" s="401"/>
      <c r="Z353" s="401"/>
      <c r="AA353" s="401"/>
      <c r="AB353" s="402"/>
      <c r="AC353" s="400" t="s">
        <v>294</v>
      </c>
      <c r="AD353" s="401"/>
      <c r="AE353" s="401"/>
      <c r="AF353" s="401"/>
      <c r="AG353" s="401"/>
      <c r="AH353" s="401"/>
      <c r="AI353" s="401"/>
      <c r="AJ353" s="401"/>
      <c r="AK353" s="402"/>
      <c r="AL353" s="400" t="s">
        <v>295</v>
      </c>
      <c r="AM353" s="401"/>
      <c r="AN353" s="401"/>
      <c r="AO353" s="401"/>
      <c r="AP353" s="401"/>
      <c r="AQ353" s="401"/>
      <c r="AR353" s="401"/>
      <c r="AS353" s="401"/>
      <c r="AT353" s="402"/>
    </row>
    <row r="354" spans="1:46" ht="60.75" customHeight="1">
      <c r="A354" s="32" t="s">
        <v>71</v>
      </c>
      <c r="B354" s="33" t="s">
        <v>72</v>
      </c>
      <c r="C354" s="33" t="s">
        <v>229</v>
      </c>
      <c r="D354" s="84" t="s">
        <v>296</v>
      </c>
      <c r="E354" s="33" t="s">
        <v>297</v>
      </c>
      <c r="F354" s="84" t="s">
        <v>270</v>
      </c>
      <c r="G354" s="33" t="s">
        <v>298</v>
      </c>
      <c r="H354" s="84" t="s">
        <v>271</v>
      </c>
      <c r="I354" s="33" t="s">
        <v>301</v>
      </c>
      <c r="J354" s="84" t="s">
        <v>315</v>
      </c>
      <c r="K354" s="60" t="s">
        <v>72</v>
      </c>
      <c r="L354" s="60" t="s">
        <v>346</v>
      </c>
      <c r="M354" s="83" t="s">
        <v>347</v>
      </c>
      <c r="N354" s="60" t="s">
        <v>343</v>
      </c>
      <c r="O354" s="83" t="s">
        <v>345</v>
      </c>
      <c r="P354" s="60" t="s">
        <v>348</v>
      </c>
      <c r="Q354" s="83" t="s">
        <v>349</v>
      </c>
      <c r="R354" s="258" t="s">
        <v>301</v>
      </c>
      <c r="S354" s="83" t="s">
        <v>315</v>
      </c>
      <c r="T354" s="33" t="s">
        <v>72</v>
      </c>
      <c r="U354" s="33" t="s">
        <v>346</v>
      </c>
      <c r="V354" s="84" t="s">
        <v>347</v>
      </c>
      <c r="W354" s="33" t="s">
        <v>343</v>
      </c>
      <c r="X354" s="84" t="s">
        <v>345</v>
      </c>
      <c r="Y354" s="33" t="s">
        <v>348</v>
      </c>
      <c r="Z354" s="84" t="s">
        <v>349</v>
      </c>
      <c r="AA354" s="33" t="s">
        <v>301</v>
      </c>
      <c r="AB354" s="84" t="s">
        <v>315</v>
      </c>
      <c r="AC354" s="60" t="s">
        <v>72</v>
      </c>
      <c r="AD354" s="60" t="s">
        <v>346</v>
      </c>
      <c r="AE354" s="83" t="s">
        <v>347</v>
      </c>
      <c r="AF354" s="60" t="s">
        <v>343</v>
      </c>
      <c r="AG354" s="83" t="s">
        <v>345</v>
      </c>
      <c r="AH354" s="60" t="s">
        <v>348</v>
      </c>
      <c r="AI354" s="83" t="s">
        <v>349</v>
      </c>
      <c r="AJ354" s="60" t="s">
        <v>301</v>
      </c>
      <c r="AK354" s="83" t="s">
        <v>315</v>
      </c>
      <c r="AL354" s="33" t="s">
        <v>72</v>
      </c>
      <c r="AM354" s="33" t="s">
        <v>346</v>
      </c>
      <c r="AN354" s="84" t="s">
        <v>347</v>
      </c>
      <c r="AO354" s="33" t="s">
        <v>343</v>
      </c>
      <c r="AP354" s="84" t="s">
        <v>345</v>
      </c>
      <c r="AQ354" s="33" t="s">
        <v>348</v>
      </c>
      <c r="AR354" s="84" t="s">
        <v>349</v>
      </c>
      <c r="AS354" s="33" t="s">
        <v>301</v>
      </c>
      <c r="AT354" s="84" t="s">
        <v>315</v>
      </c>
    </row>
    <row r="355" spans="1:46" ht="72">
      <c r="A355" s="36"/>
      <c r="B355" s="37" t="s">
        <v>74</v>
      </c>
      <c r="C355" s="37" t="s">
        <v>159</v>
      </c>
      <c r="D355" s="86" t="s">
        <v>88</v>
      </c>
      <c r="E355" s="37" t="s">
        <v>160</v>
      </c>
      <c r="F355" s="86" t="s">
        <v>88</v>
      </c>
      <c r="G355" s="37" t="s">
        <v>161</v>
      </c>
      <c r="H355" s="86" t="s">
        <v>88</v>
      </c>
      <c r="I355" s="37" t="s">
        <v>301</v>
      </c>
      <c r="J355" s="86" t="s">
        <v>88</v>
      </c>
      <c r="K355" s="63" t="s">
        <v>74</v>
      </c>
      <c r="L355" s="63" t="s">
        <v>342</v>
      </c>
      <c r="M355" s="85" t="s">
        <v>88</v>
      </c>
      <c r="N355" s="63" t="s">
        <v>344</v>
      </c>
      <c r="O355" s="85" t="s">
        <v>88</v>
      </c>
      <c r="P355" s="63" t="s">
        <v>159</v>
      </c>
      <c r="Q355" s="85" t="s">
        <v>88</v>
      </c>
      <c r="R355" s="259" t="s">
        <v>301</v>
      </c>
      <c r="S355" s="85" t="s">
        <v>88</v>
      </c>
      <c r="T355" s="37" t="s">
        <v>74</v>
      </c>
      <c r="U355" s="37" t="s">
        <v>342</v>
      </c>
      <c r="V355" s="86" t="s">
        <v>88</v>
      </c>
      <c r="W355" s="37" t="s">
        <v>344</v>
      </c>
      <c r="X355" s="86" t="s">
        <v>88</v>
      </c>
      <c r="Y355" s="37" t="s">
        <v>159</v>
      </c>
      <c r="Z355" s="86" t="s">
        <v>88</v>
      </c>
      <c r="AA355" s="37" t="s">
        <v>301</v>
      </c>
      <c r="AB355" s="86" t="s">
        <v>88</v>
      </c>
      <c r="AC355" s="63" t="s">
        <v>74</v>
      </c>
      <c r="AD355" s="63" t="s">
        <v>342</v>
      </c>
      <c r="AE355" s="85" t="s">
        <v>88</v>
      </c>
      <c r="AF355" s="63" t="s">
        <v>344</v>
      </c>
      <c r="AG355" s="85" t="s">
        <v>88</v>
      </c>
      <c r="AH355" s="63" t="s">
        <v>159</v>
      </c>
      <c r="AI355" s="85" t="s">
        <v>88</v>
      </c>
      <c r="AJ355" s="63" t="s">
        <v>301</v>
      </c>
      <c r="AK355" s="85" t="s">
        <v>88</v>
      </c>
      <c r="AL355" s="37" t="s">
        <v>74</v>
      </c>
      <c r="AM355" s="37" t="s">
        <v>342</v>
      </c>
      <c r="AN355" s="86" t="s">
        <v>88</v>
      </c>
      <c r="AO355" s="37" t="s">
        <v>344</v>
      </c>
      <c r="AP355" s="86" t="s">
        <v>88</v>
      </c>
      <c r="AQ355" s="37" t="s">
        <v>159</v>
      </c>
      <c r="AR355" s="86" t="s">
        <v>88</v>
      </c>
      <c r="AS355" s="37" t="s">
        <v>301</v>
      </c>
      <c r="AT355" s="86" t="s">
        <v>88</v>
      </c>
    </row>
    <row r="356" spans="1:46">
      <c r="A356" s="40" t="s">
        <v>350</v>
      </c>
      <c r="B356" s="201">
        <v>13815</v>
      </c>
      <c r="C356" s="207">
        <v>0.17605007959171437</v>
      </c>
      <c r="D356" s="89">
        <v>6.4811358179529301E-3</v>
      </c>
      <c r="E356" s="207">
        <v>0.16946925553153369</v>
      </c>
      <c r="F356" s="89">
        <v>6.3842891049194304E-3</v>
      </c>
      <c r="G356" s="207">
        <v>0.63870561427551786</v>
      </c>
      <c r="H356" s="89">
        <v>8.1730308757066942E-3</v>
      </c>
      <c r="I356" s="207">
        <v>1.5775050601248168E-2</v>
      </c>
      <c r="J356" s="89">
        <v>2.1291887836995919E-3</v>
      </c>
      <c r="K356" s="201">
        <v>13921</v>
      </c>
      <c r="L356" s="207">
        <v>0.43128119612438104</v>
      </c>
      <c r="M356" s="89">
        <v>8.3939011557169537E-3</v>
      </c>
      <c r="N356" s="207">
        <v>0.1965196850115149</v>
      </c>
      <c r="O356" s="89">
        <v>6.7359024248441375E-3</v>
      </c>
      <c r="P356" s="207">
        <v>0.31453606611118429</v>
      </c>
      <c r="Q356" s="89">
        <v>7.8700922431527674E-3</v>
      </c>
      <c r="R356" s="207">
        <v>5.766305275293792E-2</v>
      </c>
      <c r="S356" s="89">
        <v>3.9548771967590525E-3</v>
      </c>
      <c r="T356" s="201">
        <v>13959</v>
      </c>
      <c r="U356" s="207">
        <v>0.46530097545906712</v>
      </c>
      <c r="V356" s="89">
        <v>8.4423413112719187E-3</v>
      </c>
      <c r="W356" s="207">
        <v>0.14101964844660053</v>
      </c>
      <c r="X356" s="89">
        <v>5.8925645984896653E-3</v>
      </c>
      <c r="Y356" s="207">
        <v>0.2613093717616628</v>
      </c>
      <c r="Z356" s="89">
        <v>7.4368004297950176E-3</v>
      </c>
      <c r="AA356" s="207">
        <v>0.13237000433268897</v>
      </c>
      <c r="AB356" s="89">
        <v>5.7378479356672771E-3</v>
      </c>
      <c r="AC356" s="201">
        <v>13948</v>
      </c>
      <c r="AD356" s="207">
        <v>0.44480379197614073</v>
      </c>
      <c r="AE356" s="89">
        <v>8.4143540884781837E-3</v>
      </c>
      <c r="AF356" s="207">
        <v>0.16659488456625371</v>
      </c>
      <c r="AG356" s="89">
        <v>6.3105951983046978E-3</v>
      </c>
      <c r="AH356" s="207">
        <v>0.25628978034163385</v>
      </c>
      <c r="AI356" s="89">
        <v>7.3929551400165189E-3</v>
      </c>
      <c r="AJ356" s="207">
        <v>0.1323115431159905</v>
      </c>
      <c r="AK356" s="89">
        <v>5.7390379031784225E-3</v>
      </c>
      <c r="AL356" s="201">
        <v>13958</v>
      </c>
      <c r="AM356" s="207">
        <v>0.33216717297934245</v>
      </c>
      <c r="AN356" s="89">
        <v>7.9723106183940337E-3</v>
      </c>
      <c r="AO356" s="207">
        <v>0.17903716103535486</v>
      </c>
      <c r="AP356" s="89">
        <v>6.4904781822776054E-3</v>
      </c>
      <c r="AQ356" s="207">
        <v>0.28159880985013375</v>
      </c>
      <c r="AR356" s="89">
        <v>7.6135015105054148E-3</v>
      </c>
      <c r="AS356" s="207">
        <v>0.2071968561351886</v>
      </c>
      <c r="AT356" s="89">
        <v>6.861125455814774E-3</v>
      </c>
    </row>
    <row r="357" spans="1:46">
      <c r="A357" s="44" t="s">
        <v>351</v>
      </c>
      <c r="B357" s="204">
        <v>10146</v>
      </c>
      <c r="C357" s="208">
        <v>0.17890590456310965</v>
      </c>
      <c r="D357" s="92">
        <v>7.6107217103005302E-3</v>
      </c>
      <c r="E357" s="208">
        <v>0.17435877600897257</v>
      </c>
      <c r="F357" s="92">
        <v>7.53425953443684E-3</v>
      </c>
      <c r="G357" s="208">
        <v>0.63467323718153379</v>
      </c>
      <c r="H357" s="92">
        <v>9.5593023108101489E-3</v>
      </c>
      <c r="I357" s="208">
        <v>1.2062082246376926E-2</v>
      </c>
      <c r="J357" s="92">
        <v>2.184062594288781E-3</v>
      </c>
      <c r="K357" s="204">
        <v>10142</v>
      </c>
      <c r="L357" s="208">
        <v>0.46804500608368454</v>
      </c>
      <c r="M357" s="92">
        <v>9.9075100559377436E-3</v>
      </c>
      <c r="N357" s="208">
        <v>0.18959537622605446</v>
      </c>
      <c r="O357" s="92">
        <v>7.7849300255473609E-3</v>
      </c>
      <c r="P357" s="208">
        <v>0.28124422579891456</v>
      </c>
      <c r="Q357" s="92">
        <v>8.9280285035615893E-3</v>
      </c>
      <c r="R357" s="208">
        <v>6.1115391891346259E-2</v>
      </c>
      <c r="S357" s="92">
        <v>4.7625315480819518E-3</v>
      </c>
      <c r="T357" s="204">
        <v>10176</v>
      </c>
      <c r="U357" s="208">
        <v>0.56522380655885374</v>
      </c>
      <c r="V357" s="92">
        <v>9.8265747207698408E-3</v>
      </c>
      <c r="W357" s="208">
        <v>0.12027747431701769</v>
      </c>
      <c r="X357" s="92">
        <v>6.4513927761144828E-3</v>
      </c>
      <c r="Y357" s="208">
        <v>0.18078926181125976</v>
      </c>
      <c r="Z357" s="92">
        <v>7.630580702799949E-3</v>
      </c>
      <c r="AA357" s="208">
        <v>0.13370945731286588</v>
      </c>
      <c r="AB357" s="92">
        <v>6.7494205460137471E-3</v>
      </c>
      <c r="AC357" s="204">
        <v>10161</v>
      </c>
      <c r="AD357" s="208">
        <v>0.52526685976089205</v>
      </c>
      <c r="AE357" s="92">
        <v>9.9058447500712226E-3</v>
      </c>
      <c r="AF357" s="208">
        <v>0.15841249905892282</v>
      </c>
      <c r="AG357" s="92">
        <v>7.245529966462042E-3</v>
      </c>
      <c r="AH357" s="208">
        <v>0.18203124717061997</v>
      </c>
      <c r="AI357" s="92">
        <v>7.6565588255011431E-3</v>
      </c>
      <c r="AJ357" s="208">
        <v>0.1342893940095623</v>
      </c>
      <c r="AK357" s="92">
        <v>6.7667480904239682E-3</v>
      </c>
      <c r="AL357" s="204">
        <v>10165</v>
      </c>
      <c r="AM357" s="208">
        <v>0.38645328584310518</v>
      </c>
      <c r="AN357" s="92">
        <v>9.6576725982852451E-3</v>
      </c>
      <c r="AO357" s="208">
        <v>0.17138669573291548</v>
      </c>
      <c r="AP357" s="92">
        <v>7.4762740252015646E-3</v>
      </c>
      <c r="AQ357" s="208">
        <v>0.21890347432413532</v>
      </c>
      <c r="AR357" s="92">
        <v>8.2025420700415439E-3</v>
      </c>
      <c r="AS357" s="208">
        <v>0.22325654409984214</v>
      </c>
      <c r="AT357" s="92">
        <v>8.2605162700504671E-3</v>
      </c>
    </row>
    <row r="358" spans="1:46">
      <c r="A358" s="40" t="s">
        <v>352</v>
      </c>
      <c r="B358" s="201">
        <v>3669</v>
      </c>
      <c r="C358" s="207">
        <v>0.1737197336605466</v>
      </c>
      <c r="D358" s="89">
        <v>1.2512903649788814E-2</v>
      </c>
      <c r="E358" s="207">
        <v>0.16547941922711129</v>
      </c>
      <c r="F358" s="89">
        <v>1.2274187699993633E-2</v>
      </c>
      <c r="G358" s="207">
        <v>0.64199602375366893</v>
      </c>
      <c r="H358" s="89">
        <v>1.5822353760000834E-2</v>
      </c>
      <c r="I358" s="207">
        <v>1.8804823358672732E-2</v>
      </c>
      <c r="J358" s="89">
        <v>4.5434351275649449E-3</v>
      </c>
      <c r="K358" s="201">
        <v>3779</v>
      </c>
      <c r="L358" s="207">
        <v>0.40215772574423952</v>
      </c>
      <c r="M358" s="89">
        <v>1.5944893310416271E-2</v>
      </c>
      <c r="N358" s="207">
        <v>0.20200496801235687</v>
      </c>
      <c r="O358" s="89">
        <v>1.3063081311942658E-2</v>
      </c>
      <c r="P358" s="207">
        <v>0.34090911956530839</v>
      </c>
      <c r="Q358" s="89">
        <v>1.5415424161120156E-2</v>
      </c>
      <c r="R358" s="207">
        <v>5.4928186678095001E-2</v>
      </c>
      <c r="S358" s="89">
        <v>7.438514404945311E-3</v>
      </c>
      <c r="T358" s="201">
        <v>3783</v>
      </c>
      <c r="U358" s="207">
        <v>0.38586221827091144</v>
      </c>
      <c r="V358" s="89">
        <v>1.5821825218067829E-2</v>
      </c>
      <c r="W358" s="207">
        <v>0.15750969897957753</v>
      </c>
      <c r="X358" s="89">
        <v>1.1850136162261415E-2</v>
      </c>
      <c r="Y358" s="207">
        <v>0.32532294496320185</v>
      </c>
      <c r="Z358" s="89">
        <v>1.5228298704807647E-2</v>
      </c>
      <c r="AA358" s="207">
        <v>0.13130513778630981</v>
      </c>
      <c r="AB358" s="89">
        <v>1.0990122562692011E-2</v>
      </c>
      <c r="AC358" s="201">
        <v>3787</v>
      </c>
      <c r="AD358" s="207">
        <v>0.38108302459246834</v>
      </c>
      <c r="AE358" s="89">
        <v>1.5776351014167397E-2</v>
      </c>
      <c r="AF358" s="207">
        <v>0.17307472554062964</v>
      </c>
      <c r="AG358" s="89">
        <v>1.2298292518352566E-2</v>
      </c>
      <c r="AH358" s="207">
        <v>0.31509701760853898</v>
      </c>
      <c r="AI358" s="89">
        <v>1.5092539554168909E-2</v>
      </c>
      <c r="AJ358" s="207">
        <v>0.13074523225836387</v>
      </c>
      <c r="AK358" s="89">
        <v>1.0964487741235469E-2</v>
      </c>
      <c r="AL358" s="201">
        <v>3793</v>
      </c>
      <c r="AM358" s="207">
        <v>0.28915283208325138</v>
      </c>
      <c r="AN358" s="89">
        <v>1.4718393877672481E-2</v>
      </c>
      <c r="AO358" s="207">
        <v>0.1850991114158935</v>
      </c>
      <c r="AP358" s="89">
        <v>1.2614343958275053E-2</v>
      </c>
      <c r="AQ358" s="207">
        <v>0.33127631285493792</v>
      </c>
      <c r="AR358" s="89">
        <v>1.5278720826906535E-2</v>
      </c>
      <c r="AS358" s="207">
        <v>0.19447174364591735</v>
      </c>
      <c r="AT358" s="89">
        <v>1.2854365769488301E-2</v>
      </c>
    </row>
    <row r="359" spans="1:46">
      <c r="A359" s="44" t="s">
        <v>534</v>
      </c>
      <c r="B359" s="204">
        <v>1870</v>
      </c>
      <c r="C359" s="208">
        <v>0.17487710427758973</v>
      </c>
      <c r="D359" s="92">
        <v>1.7577143237436643E-2</v>
      </c>
      <c r="E359" s="208">
        <v>0.18055136684710685</v>
      </c>
      <c r="F359" s="92">
        <v>1.7796893986017713E-2</v>
      </c>
      <c r="G359" s="208">
        <v>0.63176580763727275</v>
      </c>
      <c r="H359" s="92">
        <v>2.2287143817023611E-2</v>
      </c>
      <c r="I359" s="208">
        <v>1.2805721238033736E-2</v>
      </c>
      <c r="J359" s="92">
        <v>5.3985100820502854E-3</v>
      </c>
      <c r="K359" s="204">
        <v>1892</v>
      </c>
      <c r="L359" s="208">
        <v>0.47582733048015141</v>
      </c>
      <c r="M359" s="92">
        <v>2.2939019551486063E-2</v>
      </c>
      <c r="N359" s="208">
        <v>0.17564809475899332</v>
      </c>
      <c r="O359" s="92">
        <v>1.7504627038745613E-2</v>
      </c>
      <c r="P359" s="208">
        <v>0.29129829338723062</v>
      </c>
      <c r="Q359" s="92">
        <v>2.0878753159769014E-2</v>
      </c>
      <c r="R359" s="208">
        <v>5.7226281373627064E-2</v>
      </c>
      <c r="S359" s="92">
        <v>1.0750112417147319E-2</v>
      </c>
      <c r="T359" s="204">
        <v>1893</v>
      </c>
      <c r="U359" s="208">
        <v>0.49399408124086364</v>
      </c>
      <c r="V359" s="92">
        <v>2.2958057188580877E-2</v>
      </c>
      <c r="W359" s="208">
        <v>0.1504900397758</v>
      </c>
      <c r="X359" s="92">
        <v>1.6451548910365179E-2</v>
      </c>
      <c r="Y359" s="208">
        <v>0.23406585528390111</v>
      </c>
      <c r="Z359" s="92">
        <v>1.9459050153967775E-2</v>
      </c>
      <c r="AA359" s="208">
        <v>0.12145002369943717</v>
      </c>
      <c r="AB359" s="92">
        <v>1.5041927085140209E-2</v>
      </c>
      <c r="AC359" s="204">
        <v>1889</v>
      </c>
      <c r="AD359" s="208">
        <v>0.44960177494936976</v>
      </c>
      <c r="AE359" s="92">
        <v>2.286739105682049E-2</v>
      </c>
      <c r="AF359" s="208">
        <v>0.18735269239444002</v>
      </c>
      <c r="AG359" s="92">
        <v>1.7960708332553168E-2</v>
      </c>
      <c r="AH359" s="208">
        <v>0.23506502095307649</v>
      </c>
      <c r="AI359" s="92">
        <v>1.9508258804114297E-2</v>
      </c>
      <c r="AJ359" s="208">
        <v>0.12798051170311531</v>
      </c>
      <c r="AK359" s="92">
        <v>1.5396555466319062E-2</v>
      </c>
      <c r="AL359" s="204">
        <v>1892</v>
      </c>
      <c r="AM359" s="208">
        <v>0.34893830660796532</v>
      </c>
      <c r="AN359" s="92">
        <v>2.1897177659654155E-2</v>
      </c>
      <c r="AO359" s="208">
        <v>0.20966021343573227</v>
      </c>
      <c r="AP359" s="92">
        <v>1.8717200143609603E-2</v>
      </c>
      <c r="AQ359" s="208">
        <v>0.25996177830530465</v>
      </c>
      <c r="AR359" s="92">
        <v>2.0158889479215028E-2</v>
      </c>
      <c r="AS359" s="208">
        <v>0.18143970165099924</v>
      </c>
      <c r="AT359" s="92">
        <v>1.7726655957149763E-2</v>
      </c>
    </row>
    <row r="360" spans="1:46">
      <c r="A360" s="40" t="s">
        <v>535</v>
      </c>
      <c r="B360" s="201">
        <v>1528</v>
      </c>
      <c r="C360" s="207">
        <v>0.19649954694901969</v>
      </c>
      <c r="D360" s="89">
        <v>2.0334529432027099E-2</v>
      </c>
      <c r="E360" s="207">
        <v>0.17822565806008239</v>
      </c>
      <c r="F360" s="89">
        <v>1.9591203282203162E-2</v>
      </c>
      <c r="G360" s="207">
        <v>0.61383229130212869</v>
      </c>
      <c r="H360" s="89">
        <v>2.4881430880770758E-2</v>
      </c>
      <c r="I360" s="207">
        <v>1.1442503688768757E-2</v>
      </c>
      <c r="J360" s="89">
        <v>5.7257515470623827E-3</v>
      </c>
      <c r="K360" s="201">
        <v>1535</v>
      </c>
      <c r="L360" s="207">
        <v>0.50806086703684128</v>
      </c>
      <c r="M360" s="89">
        <v>2.5487341441315908E-2</v>
      </c>
      <c r="N360" s="207">
        <v>0.1708539904292817</v>
      </c>
      <c r="O360" s="89">
        <v>1.9226452452078852E-2</v>
      </c>
      <c r="P360" s="207">
        <v>0.26382493427528769</v>
      </c>
      <c r="Q360" s="89">
        <v>2.2484470654970497E-2</v>
      </c>
      <c r="R360" s="207">
        <v>5.7260208258589046E-2</v>
      </c>
      <c r="S360" s="89">
        <v>1.1956069940708349E-2</v>
      </c>
      <c r="T360" s="201">
        <v>1536</v>
      </c>
      <c r="U360" s="207">
        <v>0.55439475882715827</v>
      </c>
      <c r="V360" s="89">
        <v>2.5331903840307705E-2</v>
      </c>
      <c r="W360" s="207">
        <v>0.13681174899910695</v>
      </c>
      <c r="X360" s="89">
        <v>1.7564621235989234E-2</v>
      </c>
      <c r="Y360" s="207">
        <v>0.19245855263056477</v>
      </c>
      <c r="Z360" s="89">
        <v>2.0123576260234293E-2</v>
      </c>
      <c r="AA360" s="207">
        <v>0.11633493954316902</v>
      </c>
      <c r="AB360" s="89">
        <v>1.6401203456532027E-2</v>
      </c>
      <c r="AC360" s="201">
        <v>1532</v>
      </c>
      <c r="AD360" s="207">
        <v>0.49147622593897822</v>
      </c>
      <c r="AE360" s="89">
        <v>2.5511829527010671E-2</v>
      </c>
      <c r="AF360" s="207">
        <v>0.18604969696791096</v>
      </c>
      <c r="AG360" s="89">
        <v>1.9892150428314645E-2</v>
      </c>
      <c r="AH360" s="207">
        <v>0.20075859411757585</v>
      </c>
      <c r="AI360" s="89">
        <v>2.0471038747826721E-2</v>
      </c>
      <c r="AJ360" s="207">
        <v>0.12171548297553465</v>
      </c>
      <c r="AK360" s="89">
        <v>1.674293709405069E-2</v>
      </c>
      <c r="AL360" s="201">
        <v>1535</v>
      </c>
      <c r="AM360" s="207">
        <v>0.38239123280000359</v>
      </c>
      <c r="AN360" s="89">
        <v>2.477920614506832E-2</v>
      </c>
      <c r="AO360" s="207">
        <v>0.20425907518047726</v>
      </c>
      <c r="AP360" s="89">
        <v>2.0582256180877948E-2</v>
      </c>
      <c r="AQ360" s="207">
        <v>0.23476175388552323</v>
      </c>
      <c r="AR360" s="89">
        <v>2.1630357728701963E-2</v>
      </c>
      <c r="AS360" s="207">
        <v>0.17858793813399579</v>
      </c>
      <c r="AT360" s="89">
        <v>1.956184045660821E-2</v>
      </c>
    </row>
    <row r="361" spans="1:46">
      <c r="A361" s="44" t="s">
        <v>546</v>
      </c>
      <c r="B361" s="204">
        <v>346</v>
      </c>
      <c r="C361" s="208">
        <v>0.10870073678248854</v>
      </c>
      <c r="D361" s="92">
        <v>3.3867753211942589E-2</v>
      </c>
      <c r="E361" s="208">
        <v>0.18880183626895913</v>
      </c>
      <c r="F361" s="92">
        <v>4.213673494345492E-2</v>
      </c>
      <c r="G361" s="208">
        <v>0.68520266569055044</v>
      </c>
      <c r="H361" s="92">
        <v>4.973983666391027E-2</v>
      </c>
      <c r="I361" s="208">
        <v>1.7294761258000911E-2</v>
      </c>
      <c r="J361" s="92">
        <v>1.5961035744221766E-2</v>
      </c>
      <c r="K361" s="204">
        <v>361</v>
      </c>
      <c r="L361" s="208">
        <v>0.3724896343365568</v>
      </c>
      <c r="M361" s="92">
        <v>5.0650076828672737E-2</v>
      </c>
      <c r="N361" s="208">
        <v>0.19114842090410902</v>
      </c>
      <c r="O361" s="92">
        <v>4.1438513011344207E-2</v>
      </c>
      <c r="P361" s="208">
        <v>0.37955268501658068</v>
      </c>
      <c r="Q361" s="92">
        <v>5.0835073192210346E-2</v>
      </c>
      <c r="R361" s="208">
        <v>5.6809259742752548E-2</v>
      </c>
      <c r="S361" s="92">
        <v>2.5181735320897503E-2</v>
      </c>
      <c r="T361" s="204">
        <v>361</v>
      </c>
      <c r="U361" s="208">
        <v>0.30700880837452593</v>
      </c>
      <c r="V361" s="92">
        <v>4.8378220931162098E-2</v>
      </c>
      <c r="W361" s="208">
        <v>0.19341199843235504</v>
      </c>
      <c r="X361" s="92">
        <v>4.1618317795627122E-2</v>
      </c>
      <c r="Y361" s="208">
        <v>0.36344207975196174</v>
      </c>
      <c r="Z361" s="92">
        <v>5.0396609970256405E-2</v>
      </c>
      <c r="AA361" s="208">
        <v>0.13613711344115673</v>
      </c>
      <c r="AB361" s="92">
        <v>3.6337796292855662E-2</v>
      </c>
      <c r="AC361" s="204">
        <v>361</v>
      </c>
      <c r="AD361" s="208">
        <v>0.3198887888833743</v>
      </c>
      <c r="AE361" s="92">
        <v>4.8907748823550909E-2</v>
      </c>
      <c r="AF361" s="208">
        <v>0.19205371169690558</v>
      </c>
      <c r="AG361" s="92">
        <v>4.151067601875575E-2</v>
      </c>
      <c r="AH361" s="208">
        <v>0.34196319337804254</v>
      </c>
      <c r="AI361" s="92">
        <v>4.9719077053943614E-2</v>
      </c>
      <c r="AJ361" s="208">
        <v>0.14609430604167697</v>
      </c>
      <c r="AK361" s="92">
        <v>3.7377145823585027E-2</v>
      </c>
      <c r="AL361" s="204">
        <v>361</v>
      </c>
      <c r="AM361" s="208">
        <v>0.24323790588443198</v>
      </c>
      <c r="AN361" s="92">
        <v>4.5088683359360435E-2</v>
      </c>
      <c r="AO361" s="208">
        <v>0.22670285868312237</v>
      </c>
      <c r="AP361" s="92">
        <v>4.4034453819599841E-2</v>
      </c>
      <c r="AQ361" s="208">
        <v>0.34170226166251289</v>
      </c>
      <c r="AR361" s="92">
        <v>4.9710177769094421E-2</v>
      </c>
      <c r="AS361" s="208">
        <v>0.18835697376993235</v>
      </c>
      <c r="AT361" s="92">
        <v>4.1213862257475191E-2</v>
      </c>
    </row>
    <row r="362" spans="1:46">
      <c r="A362" s="40" t="s">
        <v>536</v>
      </c>
      <c r="B362" s="201">
        <v>297</v>
      </c>
      <c r="C362" s="207">
        <v>0.1635722460761555</v>
      </c>
      <c r="D362" s="89">
        <v>4.3102995127195336E-2</v>
      </c>
      <c r="E362" s="207">
        <v>0.16483067795978626</v>
      </c>
      <c r="F362" s="89">
        <v>4.3229654357211801E-2</v>
      </c>
      <c r="G362" s="207">
        <v>0.66101384468549473</v>
      </c>
      <c r="H362" s="89">
        <v>5.4651905055374622E-2</v>
      </c>
      <c r="I362" s="207">
        <v>1.058323127856033E-2</v>
      </c>
      <c r="J362" s="89">
        <v>1.4939585678442599E-2</v>
      </c>
      <c r="K362" s="201">
        <v>295</v>
      </c>
      <c r="L362" s="207">
        <v>0.40767166624454793</v>
      </c>
      <c r="M362" s="89">
        <v>5.6863626570179682E-2</v>
      </c>
      <c r="N362" s="207">
        <v>0.2077594773907554</v>
      </c>
      <c r="O362" s="89">
        <v>4.724734078499386E-2</v>
      </c>
      <c r="P362" s="207">
        <v>0.29922938654216408</v>
      </c>
      <c r="Q362" s="89">
        <v>5.309957127643871E-2</v>
      </c>
      <c r="R362" s="207">
        <v>8.53394698225306E-2</v>
      </c>
      <c r="S362" s="89">
        <v>3.3247096246280271E-2</v>
      </c>
      <c r="T362" s="201">
        <v>297</v>
      </c>
      <c r="U362" s="207">
        <v>0.604476844411442</v>
      </c>
      <c r="V362" s="89">
        <v>5.6400651716097955E-2</v>
      </c>
      <c r="W362" s="207">
        <v>0.13137832428487836</v>
      </c>
      <c r="X362" s="89">
        <v>3.9549883346957887E-2</v>
      </c>
      <c r="Y362" s="207">
        <v>0.11859918916560744</v>
      </c>
      <c r="Z362" s="89">
        <v>3.7949775109448532E-2</v>
      </c>
      <c r="AA362" s="207">
        <v>0.14554564213807</v>
      </c>
      <c r="AB362" s="89">
        <v>4.1191415065590778E-2</v>
      </c>
      <c r="AC362" s="201">
        <v>296</v>
      </c>
      <c r="AD362" s="207">
        <v>0.47927881687498081</v>
      </c>
      <c r="AE362" s="89">
        <v>5.7686740941750539E-2</v>
      </c>
      <c r="AF362" s="207">
        <v>0.24589006592708901</v>
      </c>
      <c r="AG362" s="89">
        <v>4.9951787180990248E-2</v>
      </c>
      <c r="AH362" s="207">
        <v>0.11086546912937821</v>
      </c>
      <c r="AI362" s="89">
        <v>3.6983855032357425E-2</v>
      </c>
      <c r="AJ362" s="207">
        <v>0.16396564806854969</v>
      </c>
      <c r="AK362" s="89">
        <v>4.3216048783751529E-2</v>
      </c>
      <c r="AL362" s="201">
        <v>297</v>
      </c>
      <c r="AM362" s="207">
        <v>0.37809457573672939</v>
      </c>
      <c r="AN362" s="89">
        <v>5.5946274425931176E-2</v>
      </c>
      <c r="AO362" s="207">
        <v>0.19679828522533124</v>
      </c>
      <c r="AP362" s="89">
        <v>4.618262771957915E-2</v>
      </c>
      <c r="AQ362" s="207">
        <v>0.16318331064346661</v>
      </c>
      <c r="AR362" s="89">
        <v>4.3063677765605352E-2</v>
      </c>
      <c r="AS362" s="207">
        <v>0.26192382839447065</v>
      </c>
      <c r="AT362" s="89">
        <v>5.0881424144053736E-2</v>
      </c>
    </row>
    <row r="363" spans="1:46">
      <c r="A363" s="44" t="s">
        <v>537</v>
      </c>
      <c r="B363" s="204">
        <v>88</v>
      </c>
      <c r="C363" s="208">
        <v>0.22921159674719963</v>
      </c>
      <c r="D363" s="92">
        <v>8.9177700631409909E-2</v>
      </c>
      <c r="E363" s="208">
        <v>0.19576546227677988</v>
      </c>
      <c r="F363" s="92">
        <v>8.4779754443384356E-2</v>
      </c>
      <c r="G363" s="208">
        <v>0.55429807026825728</v>
      </c>
      <c r="H363" s="92">
        <v>0.10369321777073308</v>
      </c>
      <c r="I363" s="208">
        <v>2.0724870707763191E-2</v>
      </c>
      <c r="J363" s="92">
        <v>4.1617013402499098E-2</v>
      </c>
      <c r="K363" s="204">
        <v>88</v>
      </c>
      <c r="L363" s="208">
        <v>0.41306672719081539</v>
      </c>
      <c r="M363" s="92">
        <v>0.10280532141924044</v>
      </c>
      <c r="N363" s="208">
        <v>0.13091851506250327</v>
      </c>
      <c r="O363" s="92">
        <v>7.3829023199564706E-2</v>
      </c>
      <c r="P363" s="208">
        <v>0.3458447663829059</v>
      </c>
      <c r="Q363" s="92">
        <v>9.9620510872472937E-2</v>
      </c>
      <c r="R363" s="208">
        <v>0.11016999136377549</v>
      </c>
      <c r="S363" s="92">
        <v>6.9457478688245589E-2</v>
      </c>
      <c r="T363" s="204">
        <v>88</v>
      </c>
      <c r="U363" s="208">
        <v>0.70945535215115074</v>
      </c>
      <c r="V363" s="92">
        <v>9.5521552176713584E-2</v>
      </c>
      <c r="W363" s="208">
        <v>0.15422712917423065</v>
      </c>
      <c r="X363" s="92">
        <v>7.8189162145286289E-2</v>
      </c>
      <c r="Y363" s="208">
        <v>2.5165604699528266E-2</v>
      </c>
      <c r="Z363" s="92">
        <v>4.359495848103187E-2</v>
      </c>
      <c r="AA363" s="208">
        <v>0.11115191397509028</v>
      </c>
      <c r="AB363" s="92">
        <v>6.967608623930821E-2</v>
      </c>
      <c r="AC363" s="204">
        <v>88</v>
      </c>
      <c r="AD363" s="208">
        <v>0.60003870198511433</v>
      </c>
      <c r="AE363" s="92">
        <v>0.10233015159896182</v>
      </c>
      <c r="AF363" s="208">
        <v>0.17165713980628886</v>
      </c>
      <c r="AG363" s="92">
        <v>8.1123059220858967E-2</v>
      </c>
      <c r="AH363" s="208">
        <v>0.1108580340033498</v>
      </c>
      <c r="AI363" s="92">
        <v>6.9610788868970361E-2</v>
      </c>
      <c r="AJ363" s="208">
        <v>0.11744612420524678</v>
      </c>
      <c r="AK363" s="92">
        <v>7.1048590112194956E-2</v>
      </c>
      <c r="AL363" s="204">
        <v>88</v>
      </c>
      <c r="AM363" s="208">
        <v>0.45979819238104064</v>
      </c>
      <c r="AN363" s="92">
        <v>0.10394841892866463</v>
      </c>
      <c r="AO363" s="208">
        <v>8.4852855472337035E-2</v>
      </c>
      <c r="AP363" s="92">
        <v>6.3353308553652427E-2</v>
      </c>
      <c r="AQ363" s="208">
        <v>0.23233476416586513</v>
      </c>
      <c r="AR363" s="92">
        <v>8.955199106670976E-2</v>
      </c>
      <c r="AS363" s="208">
        <v>0.2230141879807572</v>
      </c>
      <c r="AT363" s="92">
        <v>8.8417299338447164E-2</v>
      </c>
    </row>
    <row r="364" spans="1:46">
      <c r="A364" s="40" t="s">
        <v>538</v>
      </c>
      <c r="B364" s="201">
        <v>90</v>
      </c>
      <c r="C364" s="207">
        <v>9.0385757268621955E-2</v>
      </c>
      <c r="D364" s="89">
        <v>6.3978662750067014E-2</v>
      </c>
      <c r="E364" s="207">
        <v>0.14780499546096978</v>
      </c>
      <c r="F364" s="89">
        <v>7.6155154099572187E-2</v>
      </c>
      <c r="G364" s="207">
        <v>0.76180924727040844</v>
      </c>
      <c r="H364" s="89">
        <v>8.924394945457173E-2</v>
      </c>
      <c r="I364" s="207">
        <v>0</v>
      </c>
      <c r="J364" s="89">
        <v>2.976782656907849E-2</v>
      </c>
      <c r="K364" s="201">
        <v>89</v>
      </c>
      <c r="L364" s="207">
        <v>0.34227473821835092</v>
      </c>
      <c r="M364" s="89">
        <v>9.8857277363197119E-2</v>
      </c>
      <c r="N364" s="207">
        <v>0.23405817159395245</v>
      </c>
      <c r="O364" s="89">
        <v>8.9256904472833229E-2</v>
      </c>
      <c r="P364" s="207">
        <v>0.29595133134062029</v>
      </c>
      <c r="Q364" s="89">
        <v>9.546010750257207E-2</v>
      </c>
      <c r="R364" s="207">
        <v>0.12771575884707648</v>
      </c>
      <c r="S364" s="89">
        <v>7.2755371766301563E-2</v>
      </c>
      <c r="T364" s="201">
        <v>90</v>
      </c>
      <c r="U364" s="207">
        <v>0.56603894308082836</v>
      </c>
      <c r="V364" s="89">
        <v>0.10231410168302588</v>
      </c>
      <c r="W364" s="207">
        <v>0.15517505606704851</v>
      </c>
      <c r="X364" s="89">
        <v>7.7459655737300639E-2</v>
      </c>
      <c r="Y364" s="207">
        <v>0.12199281027257046</v>
      </c>
      <c r="Z364" s="89">
        <v>7.1164366843824253E-2</v>
      </c>
      <c r="AA364" s="207">
        <v>0.15679319057955268</v>
      </c>
      <c r="AB364" s="89">
        <v>7.7739486358035237E-2</v>
      </c>
      <c r="AC364" s="201">
        <v>89</v>
      </c>
      <c r="AD364" s="207">
        <v>0.47811216557256281</v>
      </c>
      <c r="AE364" s="89">
        <v>0.10360413646353958</v>
      </c>
      <c r="AF364" s="207">
        <v>0.20987469271258405</v>
      </c>
      <c r="AG364" s="89">
        <v>8.6238542578699784E-2</v>
      </c>
      <c r="AH364" s="207">
        <v>0.14024398744435917</v>
      </c>
      <c r="AI364" s="89">
        <v>7.5197079208625076E-2</v>
      </c>
      <c r="AJ364" s="207">
        <v>0.17176915427049402</v>
      </c>
      <c r="AK364" s="89">
        <v>8.0677981492922643E-2</v>
      </c>
      <c r="AL364" s="201">
        <v>90</v>
      </c>
      <c r="AM364" s="207">
        <v>0.35687544349251821</v>
      </c>
      <c r="AN364" s="89">
        <v>9.9192836429651071E-2</v>
      </c>
      <c r="AO364" s="207">
        <v>0.2453841134470591</v>
      </c>
      <c r="AP364" s="89">
        <v>9.0052169782629754E-2</v>
      </c>
      <c r="AQ364" s="207">
        <v>0.12623029923948606</v>
      </c>
      <c r="AR364" s="89">
        <v>7.2032180449478456E-2</v>
      </c>
      <c r="AS364" s="207">
        <v>0.27151014382093674</v>
      </c>
      <c r="AT364" s="89">
        <v>9.2745602786303297E-2</v>
      </c>
    </row>
    <row r="365" spans="1:46">
      <c r="A365" s="44" t="s">
        <v>539</v>
      </c>
      <c r="B365" s="204">
        <v>100</v>
      </c>
      <c r="C365" s="208">
        <v>0.17328019920202301</v>
      </c>
      <c r="D365" s="92">
        <v>7.6285768733558634E-2</v>
      </c>
      <c r="E365" s="208">
        <v>0.14753778820781666</v>
      </c>
      <c r="F365" s="92">
        <v>7.2095754048729366E-2</v>
      </c>
      <c r="G365" s="208">
        <v>0.66569997090429678</v>
      </c>
      <c r="H365" s="92">
        <v>9.2946415600541385E-2</v>
      </c>
      <c r="I365" s="208">
        <v>1.3482041685864128E-2</v>
      </c>
      <c r="J365" s="92">
        <v>3.4617581002518327E-2</v>
      </c>
      <c r="K365" s="204">
        <v>99</v>
      </c>
      <c r="L365" s="208">
        <v>0.47444812867880459</v>
      </c>
      <c r="M365" s="92">
        <v>9.8413991375572038E-2</v>
      </c>
      <c r="N365" s="208">
        <v>0.2273736054209943</v>
      </c>
      <c r="O365" s="92">
        <v>8.3917569936530947E-2</v>
      </c>
      <c r="P365" s="208">
        <v>0.24936211850511136</v>
      </c>
      <c r="Q365" s="92">
        <v>8.6342079600514571E-2</v>
      </c>
      <c r="R365" s="208">
        <v>4.881614739509061E-2</v>
      </c>
      <c r="S365" s="92">
        <v>4.9044121214564244E-2</v>
      </c>
      <c r="T365" s="204">
        <v>100</v>
      </c>
      <c r="U365" s="208">
        <v>0.55597162715582482</v>
      </c>
      <c r="V365" s="92">
        <v>9.7488367942835649E-2</v>
      </c>
      <c r="W365" s="208">
        <v>0.10491398255012725</v>
      </c>
      <c r="X365" s="92">
        <v>6.3755326452782701E-2</v>
      </c>
      <c r="Y365" s="208">
        <v>0.16441269082554072</v>
      </c>
      <c r="Z365" s="92">
        <v>7.4904439083058452E-2</v>
      </c>
      <c r="AA365" s="208">
        <v>0.17470169946850775</v>
      </c>
      <c r="AB365" s="92">
        <v>7.6501483289715871E-2</v>
      </c>
      <c r="AC365" s="204">
        <v>100</v>
      </c>
      <c r="AD365" s="208">
        <v>0.41358159071021239</v>
      </c>
      <c r="AE365" s="92">
        <v>9.6694459989582149E-2</v>
      </c>
      <c r="AF365" s="208">
        <v>0.30695266869988891</v>
      </c>
      <c r="AG365" s="92">
        <v>9.1050347867644085E-2</v>
      </c>
      <c r="AH365" s="208">
        <v>7.4255428166309784E-2</v>
      </c>
      <c r="AI365" s="92">
        <v>5.6301517510590739E-2</v>
      </c>
      <c r="AJ365" s="208">
        <v>0.20521031242358967</v>
      </c>
      <c r="AK365" s="92">
        <v>8.0778704735162896E-2</v>
      </c>
      <c r="AL365" s="204">
        <v>100</v>
      </c>
      <c r="AM365" s="208">
        <v>0.35082476443551414</v>
      </c>
      <c r="AN365" s="92">
        <v>9.3936479891645969E-2</v>
      </c>
      <c r="AO365" s="208">
        <v>0.24058957974943379</v>
      </c>
      <c r="AP365" s="92">
        <v>8.4984869789798648E-2</v>
      </c>
      <c r="AQ365" s="208">
        <v>0.13089220778897473</v>
      </c>
      <c r="AR365" s="92">
        <v>6.9070182169300678E-2</v>
      </c>
      <c r="AS365" s="208">
        <v>0.27769344802607798</v>
      </c>
      <c r="AT365" s="92">
        <v>8.8645413830138631E-2</v>
      </c>
    </row>
    <row r="366" spans="1:46">
      <c r="A366" s="40" t="s">
        <v>540</v>
      </c>
      <c r="B366" s="201">
        <v>112</v>
      </c>
      <c r="C366" s="207">
        <v>0.20190506175314174</v>
      </c>
      <c r="D366" s="89">
        <v>7.5922388652605505E-2</v>
      </c>
      <c r="E366" s="207">
        <v>0.21981843928097811</v>
      </c>
      <c r="F366" s="89">
        <v>7.8084582912127887E-2</v>
      </c>
      <c r="G366" s="207">
        <v>0.56175384548054152</v>
      </c>
      <c r="H366" s="89">
        <v>9.2185145527635806E-2</v>
      </c>
      <c r="I366" s="207">
        <v>1.6522653485338851E-2</v>
      </c>
      <c r="J366" s="89">
        <v>3.326612934819189E-2</v>
      </c>
      <c r="K366" s="201">
        <v>113</v>
      </c>
      <c r="L366" s="207">
        <v>0.55914297074662267</v>
      </c>
      <c r="M366" s="89">
        <v>9.1844758028021334E-2</v>
      </c>
      <c r="N366" s="207">
        <v>0.17122949905754165</v>
      </c>
      <c r="O366" s="89">
        <v>7.1414138715378925E-2</v>
      </c>
      <c r="P366" s="207">
        <v>0.24138521161395718</v>
      </c>
      <c r="Q366" s="89">
        <v>8.0088267546298553E-2</v>
      </c>
      <c r="R366" s="207">
        <v>2.8242318581878659E-2</v>
      </c>
      <c r="S366" s="89">
        <v>3.8074160492690461E-2</v>
      </c>
      <c r="T366" s="201">
        <v>113</v>
      </c>
      <c r="U366" s="207">
        <v>0.62510462448391135</v>
      </c>
      <c r="V366" s="89">
        <v>8.9710018074169673E-2</v>
      </c>
      <c r="W366" s="207">
        <v>0.21475925706821061</v>
      </c>
      <c r="X366" s="89">
        <v>7.7151389303739562E-2</v>
      </c>
      <c r="Y366" s="207">
        <v>7.088014362954595E-2</v>
      </c>
      <c r="Z366" s="89">
        <v>5.1716502052788584E-2</v>
      </c>
      <c r="AA366" s="207">
        <v>8.9255974818332362E-2</v>
      </c>
      <c r="AB366" s="89">
        <v>5.6274031701676268E-2</v>
      </c>
      <c r="AC366" s="201">
        <v>113</v>
      </c>
      <c r="AD366" s="207">
        <v>0.64882682987192852</v>
      </c>
      <c r="AE366" s="89">
        <v>8.8547476588842294E-2</v>
      </c>
      <c r="AF366" s="207">
        <v>0.18251639131619149</v>
      </c>
      <c r="AG366" s="89">
        <v>7.3024611053680064E-2</v>
      </c>
      <c r="AH366" s="207">
        <v>0.10866194694634056</v>
      </c>
      <c r="AI366" s="89">
        <v>6.0523927240914002E-2</v>
      </c>
      <c r="AJ366" s="207">
        <v>5.9994831865539604E-2</v>
      </c>
      <c r="AK366" s="89">
        <v>4.8712335661078188E-2</v>
      </c>
      <c r="AL366" s="201">
        <v>112</v>
      </c>
      <c r="AM366" s="207">
        <v>0.49759497141977527</v>
      </c>
      <c r="AN366" s="89">
        <v>9.2846667789270754E-2</v>
      </c>
      <c r="AO366" s="207">
        <v>0.22069913971963762</v>
      </c>
      <c r="AP366" s="89">
        <v>7.818594129154742E-2</v>
      </c>
      <c r="AQ366" s="207">
        <v>0.19233291209542311</v>
      </c>
      <c r="AR366" s="89">
        <v>7.468476674569359E-2</v>
      </c>
      <c r="AS366" s="207">
        <v>8.937297676516405E-2</v>
      </c>
      <c r="AT366" s="89">
        <v>5.6572670588890484E-2</v>
      </c>
    </row>
    <row r="367" spans="1:46">
      <c r="A367" s="44" t="s">
        <v>541</v>
      </c>
      <c r="B367" s="204">
        <v>111</v>
      </c>
      <c r="C367" s="208">
        <v>0.23940238887432044</v>
      </c>
      <c r="D367" s="92">
        <v>8.0591503631027239E-2</v>
      </c>
      <c r="E367" s="208">
        <v>0.15738518108053551</v>
      </c>
      <c r="F367" s="92">
        <v>6.9941336201499157E-2</v>
      </c>
      <c r="G367" s="208">
        <v>0.5908965568574619</v>
      </c>
      <c r="H367" s="92">
        <v>9.1803681037098475E-2</v>
      </c>
      <c r="I367" s="208">
        <v>1.2315873187682147E-2</v>
      </c>
      <c r="J367" s="92">
        <v>3.1441623615018982E-2</v>
      </c>
      <c r="K367" s="204">
        <v>114</v>
      </c>
      <c r="L367" s="208">
        <v>0.55379606207688392</v>
      </c>
      <c r="M367" s="92">
        <v>9.1558791467038492E-2</v>
      </c>
      <c r="N367" s="208">
        <v>0.13717976518303276</v>
      </c>
      <c r="O367" s="92">
        <v>6.5647971721940507E-2</v>
      </c>
      <c r="P367" s="208">
        <v>0.26707364949194018</v>
      </c>
      <c r="Q367" s="92">
        <v>8.2207108266177581E-2</v>
      </c>
      <c r="R367" s="208">
        <v>4.1950523248143273E-2</v>
      </c>
      <c r="S367" s="92">
        <v>4.2853296009337093E-2</v>
      </c>
      <c r="T367" s="204">
        <v>114</v>
      </c>
      <c r="U367" s="208">
        <v>0.72624067054415886</v>
      </c>
      <c r="V367" s="92">
        <v>8.2795746524415736E-2</v>
      </c>
      <c r="W367" s="208">
        <v>7.865124813961398E-2</v>
      </c>
      <c r="X367" s="92">
        <v>5.3455979232433108E-2</v>
      </c>
      <c r="Y367" s="208">
        <v>9.1511798021051638E-2</v>
      </c>
      <c r="Z367" s="92">
        <v>5.6526090342522733E-2</v>
      </c>
      <c r="AA367" s="208">
        <v>0.10359628329517545</v>
      </c>
      <c r="AB367" s="92">
        <v>5.9185663371905166E-2</v>
      </c>
      <c r="AC367" s="204">
        <v>114</v>
      </c>
      <c r="AD367" s="208">
        <v>0.6246636771553743</v>
      </c>
      <c r="AE367" s="92">
        <v>8.9346922170485427E-2</v>
      </c>
      <c r="AF367" s="208">
        <v>0.1011951043291761</v>
      </c>
      <c r="AG367" s="92">
        <v>5.867307649414135E-2</v>
      </c>
      <c r="AH367" s="208">
        <v>0.1456703221154366</v>
      </c>
      <c r="AI367" s="92">
        <v>6.7099229059178894E-2</v>
      </c>
      <c r="AJ367" s="208">
        <v>0.128470896400013</v>
      </c>
      <c r="AK367" s="92">
        <v>6.4088323570212116E-2</v>
      </c>
      <c r="AL367" s="204">
        <v>114</v>
      </c>
      <c r="AM367" s="208">
        <v>0.41850161187936713</v>
      </c>
      <c r="AN367" s="92">
        <v>9.0908910394750062E-2</v>
      </c>
      <c r="AO367" s="208">
        <v>0.22683060712935088</v>
      </c>
      <c r="AP367" s="92">
        <v>7.8189648084118157E-2</v>
      </c>
      <c r="AQ367" s="208">
        <v>0.15819253243736758</v>
      </c>
      <c r="AR367" s="92">
        <v>6.9123873230394997E-2</v>
      </c>
      <c r="AS367" s="208">
        <v>0.19647524855391421</v>
      </c>
      <c r="AT367" s="92">
        <v>7.456376617941049E-2</v>
      </c>
    </row>
    <row r="368" spans="1:46">
      <c r="A368" s="40" t="s">
        <v>542</v>
      </c>
      <c r="B368" s="201">
        <v>170</v>
      </c>
      <c r="C368" s="207">
        <v>0.41058846622225814</v>
      </c>
      <c r="D368" s="89">
        <v>7.4643815127957494E-2</v>
      </c>
      <c r="E368" s="207">
        <v>0.20714367291744412</v>
      </c>
      <c r="F368" s="89">
        <v>6.2170151748402576E-2</v>
      </c>
      <c r="G368" s="207">
        <v>0.37203436578144244</v>
      </c>
      <c r="H368" s="89">
        <v>7.340159188254404E-2</v>
      </c>
      <c r="I368" s="207">
        <v>1.0233495078854613E-2</v>
      </c>
      <c r="J368" s="89">
        <v>2.1987754085183504E-2</v>
      </c>
      <c r="K368" s="201">
        <v>173</v>
      </c>
      <c r="L368" s="207">
        <v>0.77053769716298381</v>
      </c>
      <c r="M368" s="89">
        <v>6.3793456809066826E-2</v>
      </c>
      <c r="N368" s="207">
        <v>0.10481151274021534</v>
      </c>
      <c r="O368" s="89">
        <v>4.7729229051784491E-2</v>
      </c>
      <c r="P368" s="207">
        <v>0.11646544014883146</v>
      </c>
      <c r="Q368" s="89">
        <v>4.9739354131694773E-2</v>
      </c>
      <c r="R368" s="207">
        <v>8.1853499479698291E-3</v>
      </c>
      <c r="S368" s="89">
        <v>2.0681782060016404E-2</v>
      </c>
      <c r="T368" s="201">
        <v>173</v>
      </c>
      <c r="U368" s="207">
        <v>0.74977411639112679</v>
      </c>
      <c r="V368" s="89">
        <v>6.5596056357320881E-2</v>
      </c>
      <c r="W368" s="207">
        <v>7.8561120724877143E-2</v>
      </c>
      <c r="X368" s="89">
        <v>4.2606110068011509E-2</v>
      </c>
      <c r="Y368" s="207">
        <v>0.11384826991804714</v>
      </c>
      <c r="Z368" s="89">
        <v>4.9300248271848195E-2</v>
      </c>
      <c r="AA368" s="207">
        <v>5.7816492965949345E-2</v>
      </c>
      <c r="AB368" s="89">
        <v>3.7795534938599586E-2</v>
      </c>
      <c r="AC368" s="201">
        <v>172</v>
      </c>
      <c r="AD368" s="207">
        <v>0.63886812781448077</v>
      </c>
      <c r="AE368" s="89">
        <v>7.2548141356343979E-2</v>
      </c>
      <c r="AF368" s="207">
        <v>0.18029253115198188</v>
      </c>
      <c r="AG368" s="89">
        <v>5.884887768456884E-2</v>
      </c>
      <c r="AH368" s="207">
        <v>0.11408061239680121</v>
      </c>
      <c r="AI368" s="89">
        <v>4.9488064368518887E-2</v>
      </c>
      <c r="AJ368" s="207">
        <v>6.6758728636736042E-2</v>
      </c>
      <c r="AK368" s="89">
        <v>4.0095561015528428E-2</v>
      </c>
      <c r="AL368" s="201">
        <v>173</v>
      </c>
      <c r="AM368" s="207">
        <v>0.52564775192438185</v>
      </c>
      <c r="AN368" s="89">
        <v>7.5070074724364985E-2</v>
      </c>
      <c r="AO368" s="207">
        <v>0.2031450252676609</v>
      </c>
      <c r="AP368" s="89">
        <v>6.1214649420137678E-2</v>
      </c>
      <c r="AQ368" s="207">
        <v>0.14555251124520358</v>
      </c>
      <c r="AR368" s="89">
        <v>5.4198034967638399E-2</v>
      </c>
      <c r="AS368" s="207">
        <v>0.1256547115627536</v>
      </c>
      <c r="AT368" s="89">
        <v>5.1228477934493019E-2</v>
      </c>
    </row>
    <row r="369" spans="1:46">
      <c r="A369" s="44" t="s">
        <v>547</v>
      </c>
      <c r="B369" s="204">
        <v>72</v>
      </c>
      <c r="C369" s="208">
        <v>0.58865245143252931</v>
      </c>
      <c r="D369" s="92">
        <v>0.11307804996302721</v>
      </c>
      <c r="E369" s="208">
        <v>0.16131772306996894</v>
      </c>
      <c r="F369" s="92">
        <v>8.7974533879565525E-2</v>
      </c>
      <c r="G369" s="208">
        <v>0.22838818856559651</v>
      </c>
      <c r="H369" s="92">
        <v>9.8351743368135514E-2</v>
      </c>
      <c r="I369" s="208">
        <v>2.1641636931905434E-2</v>
      </c>
      <c r="J369" s="92">
        <v>4.8464002360256574E-2</v>
      </c>
      <c r="K369" s="204">
        <v>72</v>
      </c>
      <c r="L369" s="208">
        <v>0.85142052441075067</v>
      </c>
      <c r="M369" s="92">
        <v>8.5581951874060272E-2</v>
      </c>
      <c r="N369" s="208">
        <v>6.7639668283497711E-2</v>
      </c>
      <c r="O369" s="92">
        <v>6.5784389956260111E-2</v>
      </c>
      <c r="P369" s="208">
        <v>6.3960880387159802E-2</v>
      </c>
      <c r="Q369" s="92">
        <v>6.4627233197524142E-2</v>
      </c>
      <c r="R369" s="208">
        <v>1.697892691859184E-2</v>
      </c>
      <c r="S369" s="92">
        <v>4.6227831865201401E-2</v>
      </c>
      <c r="T369" s="204">
        <v>72</v>
      </c>
      <c r="U369" s="208">
        <v>0.73479881464109609</v>
      </c>
      <c r="V369" s="92">
        <v>0.10273112821883094</v>
      </c>
      <c r="W369" s="208">
        <v>8.0886383680273663E-2</v>
      </c>
      <c r="X369" s="92">
        <v>6.9716464511802148E-2</v>
      </c>
      <c r="Y369" s="208">
        <v>0.10670973320759075</v>
      </c>
      <c r="Z369" s="92">
        <v>7.6494276137645131E-2</v>
      </c>
      <c r="AA369" s="208">
        <v>7.7605068471039346E-2</v>
      </c>
      <c r="AB369" s="92">
        <v>6.8774642570817293E-2</v>
      </c>
      <c r="AC369" s="204">
        <v>72</v>
      </c>
      <c r="AD369" s="208">
        <v>0.56144045019512012</v>
      </c>
      <c r="AE369" s="92">
        <v>0.11392794933455745</v>
      </c>
      <c r="AF369" s="208">
        <v>0.2290816915821442</v>
      </c>
      <c r="AG369" s="92">
        <v>9.8442055273940635E-2</v>
      </c>
      <c r="AH369" s="208">
        <v>0.1087712354612877</v>
      </c>
      <c r="AI369" s="92">
        <v>7.6992015413541476E-2</v>
      </c>
      <c r="AJ369" s="208">
        <v>0.10070662276144801</v>
      </c>
      <c r="AK369" s="92">
        <v>7.5010807251167197E-2</v>
      </c>
      <c r="AL369" s="204">
        <v>72</v>
      </c>
      <c r="AM369" s="208">
        <v>0.48950695971686414</v>
      </c>
      <c r="AN369" s="92">
        <v>0.11468519405937612</v>
      </c>
      <c r="AO369" s="208">
        <v>0.25778912698173462</v>
      </c>
      <c r="AP369" s="92">
        <v>0.10191502205400499</v>
      </c>
      <c r="AQ369" s="208">
        <v>0.11787368847927532</v>
      </c>
      <c r="AR369" s="92">
        <v>7.9122015670560847E-2</v>
      </c>
      <c r="AS369" s="208">
        <v>0.13483022482212617</v>
      </c>
      <c r="AT369" s="92">
        <v>8.2818247642641826E-2</v>
      </c>
    </row>
    <row r="370" spans="1:46">
      <c r="A370" s="52" t="s">
        <v>548</v>
      </c>
      <c r="B370" s="201">
        <v>124</v>
      </c>
      <c r="C370" s="207">
        <v>0.11963006410921061</v>
      </c>
      <c r="D370" s="89">
        <v>5.9744247123179002E-2</v>
      </c>
      <c r="E370" s="207">
        <v>0.2089923753907692</v>
      </c>
      <c r="F370" s="89">
        <v>7.2999294013163629E-2</v>
      </c>
      <c r="G370" s="207">
        <v>0.67137756050001973</v>
      </c>
      <c r="H370" s="89">
        <v>8.337353664751497E-2</v>
      </c>
      <c r="I370" s="207">
        <v>0</v>
      </c>
      <c r="J370" s="89">
        <v>2.1923773750628563E-2</v>
      </c>
      <c r="K370" s="201">
        <v>124</v>
      </c>
      <c r="L370" s="207">
        <v>0.43795862692730564</v>
      </c>
      <c r="M370" s="89">
        <v>8.7747450080046696E-2</v>
      </c>
      <c r="N370" s="207">
        <v>0.20617345396631437</v>
      </c>
      <c r="O370" s="89">
        <v>7.266737741843253E-2</v>
      </c>
      <c r="P370" s="207">
        <v>0.31038611377256553</v>
      </c>
      <c r="Q370" s="89">
        <v>8.2207540807158377E-2</v>
      </c>
      <c r="R370" s="207">
        <v>4.5481805333814129E-2</v>
      </c>
      <c r="S370" s="89">
        <v>4.1878970011863283E-2</v>
      </c>
      <c r="T370" s="201">
        <v>124</v>
      </c>
      <c r="U370" s="207">
        <v>0.47185584129735825</v>
      </c>
      <c r="V370" s="89">
        <v>8.8256840856719199E-2</v>
      </c>
      <c r="W370" s="207">
        <v>0.12697772495696713</v>
      </c>
      <c r="X370" s="89">
        <v>6.108782075686929E-2</v>
      </c>
      <c r="Y370" s="207">
        <v>0.30007326263027873</v>
      </c>
      <c r="Z370" s="89">
        <v>8.1487812464383705E-2</v>
      </c>
      <c r="AA370" s="207">
        <v>0.10109317111539561</v>
      </c>
      <c r="AB370" s="89">
        <v>5.6086807961888779E-2</v>
      </c>
      <c r="AC370" s="201">
        <v>124</v>
      </c>
      <c r="AD370" s="207">
        <v>0.39355169873386037</v>
      </c>
      <c r="AE370" s="89">
        <v>8.6488058432458048E-2</v>
      </c>
      <c r="AF370" s="207">
        <v>0.19162996483669345</v>
      </c>
      <c r="AG370" s="89">
        <v>7.0878045121323091E-2</v>
      </c>
      <c r="AH370" s="207">
        <v>0.30201940470017236</v>
      </c>
      <c r="AI370" s="89">
        <v>8.162704361711913E-2</v>
      </c>
      <c r="AJ370" s="207">
        <v>0.11279893172927338</v>
      </c>
      <c r="AK370" s="89">
        <v>5.8443138398174506E-2</v>
      </c>
      <c r="AL370" s="201">
        <v>123</v>
      </c>
      <c r="AM370" s="207">
        <v>0.3814032039496727</v>
      </c>
      <c r="AN370" s="89">
        <v>8.6362510843200541E-2</v>
      </c>
      <c r="AO370" s="207">
        <v>0.18692433381311852</v>
      </c>
      <c r="AP370" s="89">
        <v>7.055698640758476E-2</v>
      </c>
      <c r="AQ370" s="207">
        <v>0.30860592177311991</v>
      </c>
      <c r="AR370" s="89">
        <v>8.2412344526585052E-2</v>
      </c>
      <c r="AS370" s="207">
        <v>0.12306654046408859</v>
      </c>
      <c r="AT370" s="89">
        <v>6.0634459769404202E-2</v>
      </c>
    </row>
    <row r="371" spans="1:46">
      <c r="A371" s="44" t="s">
        <v>549</v>
      </c>
      <c r="B371" s="204">
        <v>101</v>
      </c>
      <c r="C371" s="208">
        <v>0.1224767762382009</v>
      </c>
      <c r="D371" s="92">
        <v>6.7082985789873206E-2</v>
      </c>
      <c r="E371" s="208">
        <v>0.17944777664214698</v>
      </c>
      <c r="F371" s="92">
        <v>7.6824104972827795E-2</v>
      </c>
      <c r="G371" s="208">
        <v>0.68715644373081863</v>
      </c>
      <c r="H371" s="92">
        <v>9.1044812929933591E-2</v>
      </c>
      <c r="I371" s="208">
        <v>1.0919003388834564E-2</v>
      </c>
      <c r="J371" s="92">
        <v>3.3052580835686275E-2</v>
      </c>
      <c r="K371" s="204">
        <v>99</v>
      </c>
      <c r="L371" s="208">
        <v>0.45108984375276068</v>
      </c>
      <c r="M371" s="92">
        <v>9.8096443728908161E-2</v>
      </c>
      <c r="N371" s="208">
        <v>8.4582954801747684E-2</v>
      </c>
      <c r="O371" s="92">
        <v>5.9307332609078216E-2</v>
      </c>
      <c r="P371" s="208">
        <v>0.38351891179129216</v>
      </c>
      <c r="Q371" s="92">
        <v>9.6031044094275708E-2</v>
      </c>
      <c r="R371" s="208">
        <v>8.0808289654200574E-2</v>
      </c>
      <c r="S371" s="92">
        <v>5.8346664468920076E-2</v>
      </c>
      <c r="T371" s="204">
        <v>98</v>
      </c>
      <c r="U371" s="208">
        <v>0.39515565325180452</v>
      </c>
      <c r="V371" s="92">
        <v>9.6984515087231465E-2</v>
      </c>
      <c r="W371" s="208">
        <v>0.12497591850308806</v>
      </c>
      <c r="X371" s="92">
        <v>6.8648429687679521E-2</v>
      </c>
      <c r="Y371" s="208">
        <v>0.26978389686868254</v>
      </c>
      <c r="Z371" s="92">
        <v>8.8799368377560015E-2</v>
      </c>
      <c r="AA371" s="208">
        <v>0.21008453137642594</v>
      </c>
      <c r="AB371" s="92">
        <v>8.2226849107913863E-2</v>
      </c>
      <c r="AC371" s="204">
        <v>98</v>
      </c>
      <c r="AD371" s="208">
        <v>0.41443017612422395</v>
      </c>
      <c r="AE371" s="92">
        <v>9.7667068414378458E-2</v>
      </c>
      <c r="AF371" s="208">
        <v>5.9315959683925126E-2</v>
      </c>
      <c r="AG371" s="92">
        <v>5.2666349393027202E-2</v>
      </c>
      <c r="AH371" s="208">
        <v>0.34424014522638041</v>
      </c>
      <c r="AI371" s="92">
        <v>9.4475723841606435E-2</v>
      </c>
      <c r="AJ371" s="208">
        <v>0.18201371896547167</v>
      </c>
      <c r="AK371" s="92">
        <v>7.8380628038614883E-2</v>
      </c>
      <c r="AL371" s="204">
        <v>99</v>
      </c>
      <c r="AM371" s="208">
        <v>0.2762674328150147</v>
      </c>
      <c r="AN371" s="92">
        <v>8.8954250450913888E-2</v>
      </c>
      <c r="AO371" s="208">
        <v>0.18250588214372299</v>
      </c>
      <c r="AP371" s="92">
        <v>7.8052703381824309E-2</v>
      </c>
      <c r="AQ371" s="208">
        <v>0.28253036270769838</v>
      </c>
      <c r="AR371" s="92">
        <v>8.950974948449264E-2</v>
      </c>
      <c r="AS371" s="208">
        <v>0.25869632233356504</v>
      </c>
      <c r="AT371" s="92">
        <v>8.7290885373574753E-2</v>
      </c>
    </row>
    <row r="372" spans="1:46">
      <c r="A372" s="52" t="s">
        <v>550</v>
      </c>
      <c r="B372" s="201">
        <v>130</v>
      </c>
      <c r="C372" s="207">
        <v>0.18453647481009994</v>
      </c>
      <c r="D372" s="89">
        <v>6.8313459972811241E-2</v>
      </c>
      <c r="E372" s="207">
        <v>0.17112883200946219</v>
      </c>
      <c r="F372" s="89">
        <v>6.6513261983565636E-2</v>
      </c>
      <c r="G372" s="207">
        <v>0.6242737468041486</v>
      </c>
      <c r="H372" s="89">
        <v>8.3837850241212694E-2</v>
      </c>
      <c r="I372" s="207">
        <v>2.0060946376289704E-2</v>
      </c>
      <c r="J372" s="89">
        <v>3.1483227539333622E-2</v>
      </c>
      <c r="K372" s="201">
        <v>132</v>
      </c>
      <c r="L372" s="207">
        <v>0.44365480938980184</v>
      </c>
      <c r="M372" s="89">
        <v>8.5234835625497316E-2</v>
      </c>
      <c r="N372" s="207">
        <v>0.22072632871219167</v>
      </c>
      <c r="O372" s="89">
        <v>7.2055251976348933E-2</v>
      </c>
      <c r="P372" s="207">
        <v>0.25543183251867679</v>
      </c>
      <c r="Q372" s="89">
        <v>7.546972824782805E-2</v>
      </c>
      <c r="R372" s="207">
        <v>8.0187029379329713E-2</v>
      </c>
      <c r="S372" s="89">
        <v>4.9696680446182064E-2</v>
      </c>
      <c r="T372" s="201">
        <v>131</v>
      </c>
      <c r="U372" s="207">
        <v>0.43059258824480728</v>
      </c>
      <c r="V372" s="89">
        <v>8.528190409034464E-2</v>
      </c>
      <c r="W372" s="207">
        <v>0.15656131316500124</v>
      </c>
      <c r="X372" s="89">
        <v>6.416089858748962E-2</v>
      </c>
      <c r="Y372" s="207">
        <v>0.2418236022526358</v>
      </c>
      <c r="Z372" s="89">
        <v>7.4483179151523651E-2</v>
      </c>
      <c r="AA372" s="207">
        <v>0.17102249633755581</v>
      </c>
      <c r="AB372" s="89">
        <v>6.6241352868548639E-2</v>
      </c>
      <c r="AC372" s="201">
        <v>132</v>
      </c>
      <c r="AD372" s="207">
        <v>0.40085770204847543</v>
      </c>
      <c r="AE372" s="89">
        <v>8.4146316886354183E-2</v>
      </c>
      <c r="AF372" s="207">
        <v>0.21239521716163207</v>
      </c>
      <c r="AG372" s="89">
        <v>7.1141452286633391E-2</v>
      </c>
      <c r="AH372" s="207">
        <v>0.22537120120082108</v>
      </c>
      <c r="AI372" s="89">
        <v>7.2548220855629106E-2</v>
      </c>
      <c r="AJ372" s="207">
        <v>0.16137587958907157</v>
      </c>
      <c r="AK372" s="89">
        <v>6.4620973865092815E-2</v>
      </c>
      <c r="AL372" s="201">
        <v>132</v>
      </c>
      <c r="AM372" s="207">
        <v>0.31061759574934145</v>
      </c>
      <c r="AN372" s="89">
        <v>7.9744633977601231E-2</v>
      </c>
      <c r="AO372" s="207">
        <v>0.19056617579393248</v>
      </c>
      <c r="AP372" s="89">
        <v>6.855658710332993E-2</v>
      </c>
      <c r="AQ372" s="207">
        <v>0.28101483325758386</v>
      </c>
      <c r="AR372" s="89">
        <v>7.7616111643258018E-2</v>
      </c>
      <c r="AS372" s="207">
        <v>0.21780139519914241</v>
      </c>
      <c r="AT372" s="89">
        <v>7.1738809705178194E-2</v>
      </c>
    </row>
    <row r="373" spans="1:46">
      <c r="A373" s="44" t="s">
        <v>551</v>
      </c>
      <c r="B373" s="204">
        <v>123</v>
      </c>
      <c r="C373" s="208">
        <v>0.20044328021357941</v>
      </c>
      <c r="D373" s="92">
        <v>7.2270119922403911E-2</v>
      </c>
      <c r="E373" s="208">
        <v>0.15398492786864459</v>
      </c>
      <c r="F373" s="92">
        <v>6.5855155633817095E-2</v>
      </c>
      <c r="G373" s="208">
        <v>0.6290028844722596</v>
      </c>
      <c r="H373" s="92">
        <v>8.5920682339031551E-2</v>
      </c>
      <c r="I373" s="208">
        <v>1.6568907445516215E-2</v>
      </c>
      <c r="J373" s="92">
        <v>3.1138075155078486E-2</v>
      </c>
      <c r="K373" s="204">
        <v>124</v>
      </c>
      <c r="L373" s="208">
        <v>0.52514110693338911</v>
      </c>
      <c r="M373" s="92">
        <v>8.8283423590017854E-2</v>
      </c>
      <c r="N373" s="208">
        <v>0.17737009817760899</v>
      </c>
      <c r="O373" s="92">
        <v>6.8991377258779782E-2</v>
      </c>
      <c r="P373" s="208">
        <v>0.23219032877605117</v>
      </c>
      <c r="Q373" s="92">
        <v>7.5558455270950356E-2</v>
      </c>
      <c r="R373" s="208">
        <v>6.5298466112950718E-2</v>
      </c>
      <c r="S373" s="92">
        <v>4.7651199769304126E-2</v>
      </c>
      <c r="T373" s="204">
        <v>124</v>
      </c>
      <c r="U373" s="208">
        <v>0.45786212800232379</v>
      </c>
      <c r="V373" s="92">
        <v>8.8093281663336978E-2</v>
      </c>
      <c r="W373" s="208">
        <v>0.20245123988500993</v>
      </c>
      <c r="X373" s="92">
        <v>7.2221821748828158E-2</v>
      </c>
      <c r="Y373" s="208">
        <v>0.25927472455715983</v>
      </c>
      <c r="Z373" s="92">
        <v>7.8185784836548047E-2</v>
      </c>
      <c r="AA373" s="208">
        <v>8.0411907555506451E-2</v>
      </c>
      <c r="AB373" s="92">
        <v>5.1471257221443523E-2</v>
      </c>
      <c r="AC373" s="204">
        <v>122</v>
      </c>
      <c r="AD373" s="208">
        <v>0.41067583504900262</v>
      </c>
      <c r="AE373" s="92">
        <v>8.7744170577587877E-2</v>
      </c>
      <c r="AF373" s="208">
        <v>0.25929021812617409</v>
      </c>
      <c r="AG373" s="92">
        <v>7.8816486360750004E-2</v>
      </c>
      <c r="AH373" s="208">
        <v>0.22971222145565806</v>
      </c>
      <c r="AI373" s="92">
        <v>7.5909163355902573E-2</v>
      </c>
      <c r="AJ373" s="208">
        <v>0.10032172536916488</v>
      </c>
      <c r="AK373" s="92">
        <v>5.6410817805807437E-2</v>
      </c>
      <c r="AL373" s="204">
        <v>123</v>
      </c>
      <c r="AM373" s="208">
        <v>0.29332014709466087</v>
      </c>
      <c r="AN373" s="92">
        <v>8.1314373993275221E-2</v>
      </c>
      <c r="AO373" s="208">
        <v>0.25940216886281015</v>
      </c>
      <c r="AP373" s="92">
        <v>7.8510083497758246E-2</v>
      </c>
      <c r="AQ373" s="208">
        <v>0.30886597119017983</v>
      </c>
      <c r="AR373" s="92">
        <v>8.2430172790287415E-2</v>
      </c>
      <c r="AS373" s="208">
        <v>0.13841171285234904</v>
      </c>
      <c r="AT373" s="92">
        <v>6.3335174974690989E-2</v>
      </c>
    </row>
    <row r="374" spans="1:46">
      <c r="A374" s="52" t="s">
        <v>543</v>
      </c>
      <c r="B374" s="201">
        <v>167</v>
      </c>
      <c r="C374" s="207">
        <v>7.2167516868664683E-2</v>
      </c>
      <c r="D374" s="89">
        <v>4.2003206579480104E-2</v>
      </c>
      <c r="E374" s="207">
        <v>0.11998016997814441</v>
      </c>
      <c r="F374" s="89">
        <v>5.1244664555081081E-2</v>
      </c>
      <c r="G374" s="207">
        <v>0.79049323089718215</v>
      </c>
      <c r="H374" s="89">
        <v>6.2970411029672949E-2</v>
      </c>
      <c r="I374" s="207">
        <v>1.7359082256008393E-2</v>
      </c>
      <c r="J374" s="89">
        <v>2.5513746870532806E-2</v>
      </c>
      <c r="K374" s="201">
        <v>167</v>
      </c>
      <c r="L374" s="207">
        <v>0.35212291794308842</v>
      </c>
      <c r="M374" s="89">
        <v>7.3212572055314021E-2</v>
      </c>
      <c r="N374" s="207">
        <v>0.18687500792655562</v>
      </c>
      <c r="O374" s="89">
        <v>6.050201224021682E-2</v>
      </c>
      <c r="P374" s="207">
        <v>0.37837035789103873</v>
      </c>
      <c r="Q374" s="89">
        <v>7.4282571219360827E-2</v>
      </c>
      <c r="R374" s="207">
        <v>8.2631716239316699E-2</v>
      </c>
      <c r="S374" s="89">
        <v>4.4289830468228458E-2</v>
      </c>
      <c r="T374" s="201">
        <v>168</v>
      </c>
      <c r="U374" s="207">
        <v>0.44964930262232877</v>
      </c>
      <c r="V374" s="89">
        <v>7.5879548382695033E-2</v>
      </c>
      <c r="W374" s="207">
        <v>0.14835030987071746</v>
      </c>
      <c r="X374" s="89">
        <v>5.5411175354187277E-2</v>
      </c>
      <c r="Y374" s="207">
        <v>0.22109594483860545</v>
      </c>
      <c r="Z374" s="89">
        <v>6.3938284186854419E-2</v>
      </c>
      <c r="AA374" s="207">
        <v>0.1809044426683476</v>
      </c>
      <c r="AB374" s="89">
        <v>5.9622623772944465E-2</v>
      </c>
      <c r="AC374" s="201">
        <v>168</v>
      </c>
      <c r="AD374" s="207">
        <v>0.37815332072744512</v>
      </c>
      <c r="AE374" s="89">
        <v>7.4057786576894533E-2</v>
      </c>
      <c r="AF374" s="207">
        <v>0.21404325521407017</v>
      </c>
      <c r="AG374" s="89">
        <v>6.3243315657210183E-2</v>
      </c>
      <c r="AH374" s="207">
        <v>0.22894243896977481</v>
      </c>
      <c r="AI374" s="89">
        <v>6.4682655401063674E-2</v>
      </c>
      <c r="AJ374" s="207">
        <v>0.17886098508870904</v>
      </c>
      <c r="AK374" s="89">
        <v>5.937870447923458E-2</v>
      </c>
      <c r="AL374" s="201">
        <v>168</v>
      </c>
      <c r="AM374" s="207">
        <v>0.27875536157829034</v>
      </c>
      <c r="AN374" s="89">
        <v>6.8759953723610198E-2</v>
      </c>
      <c r="AO374" s="207">
        <v>0.19214613513190365</v>
      </c>
      <c r="AP374" s="89">
        <v>6.0919854729362483E-2</v>
      </c>
      <c r="AQ374" s="207">
        <v>0.24094687026898184</v>
      </c>
      <c r="AR374" s="89">
        <v>6.5764998851412695E-2</v>
      </c>
      <c r="AS374" s="207">
        <v>0.28815163302082331</v>
      </c>
      <c r="AT374" s="89">
        <v>6.9413393638208934E-2</v>
      </c>
    </row>
    <row r="375" spans="1:46">
      <c r="A375" s="44" t="s">
        <v>544</v>
      </c>
      <c r="B375" s="204">
        <v>48</v>
      </c>
      <c r="C375" s="208">
        <v>1.2450159449168986E-3</v>
      </c>
      <c r="D375" s="92">
        <v>5.4095193689591529E-2</v>
      </c>
      <c r="E375" s="208">
        <v>0.14573250066275212</v>
      </c>
      <c r="F375" s="92">
        <v>0.10490304517241211</v>
      </c>
      <c r="G375" s="208">
        <v>0.85302248339233089</v>
      </c>
      <c r="H375" s="92">
        <v>0.10517778298435759</v>
      </c>
      <c r="I375" s="208">
        <v>0</v>
      </c>
      <c r="J375" s="92">
        <v>5.3336557329348951E-2</v>
      </c>
      <c r="K375" s="204">
        <v>48</v>
      </c>
      <c r="L375" s="208">
        <v>0.1575287669405796</v>
      </c>
      <c r="M375" s="92">
        <v>0.10743997795480179</v>
      </c>
      <c r="N375" s="208">
        <v>0.21732455014076588</v>
      </c>
      <c r="O375" s="92">
        <v>0.1182939353940077</v>
      </c>
      <c r="P375" s="208">
        <v>0.5742785782188139</v>
      </c>
      <c r="Q375" s="92">
        <v>0.1373650001664016</v>
      </c>
      <c r="R375" s="208">
        <v>5.0868104699840544E-2</v>
      </c>
      <c r="S375" s="92">
        <v>7.7519574369961472E-2</v>
      </c>
      <c r="T375" s="204">
        <v>49</v>
      </c>
      <c r="U375" s="208">
        <v>0.37499534422727648</v>
      </c>
      <c r="V375" s="92">
        <v>0.13364088630385837</v>
      </c>
      <c r="W375" s="208">
        <v>0.16688714086036019</v>
      </c>
      <c r="X375" s="92">
        <v>0.10821121323567352</v>
      </c>
      <c r="Y375" s="208">
        <v>0.26912828098690916</v>
      </c>
      <c r="Z375" s="92">
        <v>0.12421533070670736</v>
      </c>
      <c r="AA375" s="208">
        <v>0.18898923392545408</v>
      </c>
      <c r="AB375" s="92">
        <v>0.11237462671569334</v>
      </c>
      <c r="AC375" s="204">
        <v>49</v>
      </c>
      <c r="AD375" s="208">
        <v>0.24730720356709587</v>
      </c>
      <c r="AE375" s="92">
        <v>0.12144442890852732</v>
      </c>
      <c r="AF375" s="208">
        <v>0.27322201185951678</v>
      </c>
      <c r="AG375" s="92">
        <v>0.12470086941318778</v>
      </c>
      <c r="AH375" s="208">
        <v>0.33939601875835929</v>
      </c>
      <c r="AI375" s="92">
        <v>0.1311639678635215</v>
      </c>
      <c r="AJ375" s="208">
        <v>0.14007476581502804</v>
      </c>
      <c r="AK375" s="92">
        <v>0.10252291901797618</v>
      </c>
      <c r="AL375" s="204">
        <v>49</v>
      </c>
      <c r="AM375" s="208">
        <v>0.14768983963158516</v>
      </c>
      <c r="AN375" s="92">
        <v>0.10421531277555895</v>
      </c>
      <c r="AO375" s="208">
        <v>0.25298412572077011</v>
      </c>
      <c r="AP375" s="92">
        <v>0.12219554285541748</v>
      </c>
      <c r="AQ375" s="208">
        <v>0.31289834822725759</v>
      </c>
      <c r="AR375" s="92">
        <v>0.12887836956620977</v>
      </c>
      <c r="AS375" s="208">
        <v>0.28642768642038718</v>
      </c>
      <c r="AT375" s="92">
        <v>0.12619603101495264</v>
      </c>
    </row>
    <row r="376" spans="1:46">
      <c r="A376" s="52" t="s">
        <v>552</v>
      </c>
      <c r="B376" s="201">
        <v>119</v>
      </c>
      <c r="C376" s="207">
        <v>0.10163365293162167</v>
      </c>
      <c r="D376" s="89">
        <v>5.7440841532037365E-2</v>
      </c>
      <c r="E376" s="207">
        <v>0.10928086200102224</v>
      </c>
      <c r="F376" s="89">
        <v>5.9018063780709354E-2</v>
      </c>
      <c r="G376" s="207">
        <v>0.76451423356997283</v>
      </c>
      <c r="H376" s="89">
        <v>7.7461550747350033E-2</v>
      </c>
      <c r="I376" s="207">
        <v>2.4571251497382852E-2</v>
      </c>
      <c r="J376" s="89">
        <v>3.5351779220610891E-2</v>
      </c>
      <c r="K376" s="201">
        <v>119</v>
      </c>
      <c r="L376" s="207">
        <v>0.43230209571571665</v>
      </c>
      <c r="M376" s="89">
        <v>8.9390024835071247E-2</v>
      </c>
      <c r="N376" s="207">
        <v>0.17432879702704693</v>
      </c>
      <c r="O376" s="89">
        <v>7.0011479603362278E-2</v>
      </c>
      <c r="P376" s="207">
        <v>0.29764974042203052</v>
      </c>
      <c r="Q376" s="89">
        <v>8.2968149391798002E-2</v>
      </c>
      <c r="R376" s="207">
        <v>9.5719366835205044E-2</v>
      </c>
      <c r="S376" s="89">
        <v>5.6168951047783813E-2</v>
      </c>
      <c r="T376" s="201">
        <v>119</v>
      </c>
      <c r="U376" s="207">
        <v>0.48109571999496092</v>
      </c>
      <c r="V376" s="89">
        <v>9.0106620484540947E-2</v>
      </c>
      <c r="W376" s="207">
        <v>0.14054205781552737</v>
      </c>
      <c r="X376" s="89">
        <v>6.4784129894419493E-2</v>
      </c>
      <c r="Y376" s="207">
        <v>0.20086332861336545</v>
      </c>
      <c r="Z376" s="89">
        <v>7.3527304493941764E-2</v>
      </c>
      <c r="AA376" s="207">
        <v>0.17749889357614532</v>
      </c>
      <c r="AB376" s="89">
        <v>7.0456749602928526E-2</v>
      </c>
      <c r="AC376" s="201">
        <v>119</v>
      </c>
      <c r="AD376" s="207">
        <v>0.43326950880737125</v>
      </c>
      <c r="AE376" s="89">
        <v>8.9412164381695275E-2</v>
      </c>
      <c r="AF376" s="207">
        <v>0.18911544266301492</v>
      </c>
      <c r="AG376" s="89">
        <v>7.2028609019287329E-2</v>
      </c>
      <c r="AH376" s="207">
        <v>0.18241618041623842</v>
      </c>
      <c r="AI376" s="89">
        <v>7.1133406730681137E-2</v>
      </c>
      <c r="AJ376" s="207">
        <v>0.19519886811337453</v>
      </c>
      <c r="AK376" s="89">
        <v>7.2815735073182244E-2</v>
      </c>
      <c r="AL376" s="201">
        <v>119</v>
      </c>
      <c r="AM376" s="207">
        <v>0.33392380613294598</v>
      </c>
      <c r="AN376" s="89">
        <v>8.5384531350208612E-2</v>
      </c>
      <c r="AO376" s="207">
        <v>0.16653804796475902</v>
      </c>
      <c r="AP376" s="89">
        <v>6.8886107220914192E-2</v>
      </c>
      <c r="AQ376" s="207">
        <v>0.21066086473977236</v>
      </c>
      <c r="AR376" s="89">
        <v>7.4711226149942356E-2</v>
      </c>
      <c r="AS376" s="207">
        <v>0.28887728116252176</v>
      </c>
      <c r="AT376" s="89">
        <v>8.2300085987571964E-2</v>
      </c>
    </row>
    <row r="377" spans="1:46">
      <c r="A377" s="44" t="s">
        <v>545</v>
      </c>
      <c r="B377" s="204">
        <v>189</v>
      </c>
      <c r="C377" s="208">
        <v>0.24738633394222845</v>
      </c>
      <c r="D377" s="92">
        <v>6.2554275056653716E-2</v>
      </c>
      <c r="E377" s="208">
        <v>0.17873182849244487</v>
      </c>
      <c r="F377" s="92">
        <v>5.5946068870907535E-2</v>
      </c>
      <c r="G377" s="208">
        <v>0.56922162393128095</v>
      </c>
      <c r="H377" s="92">
        <v>7.1316985673051544E-2</v>
      </c>
      <c r="I377" s="208">
        <v>4.6602136340448313E-3</v>
      </c>
      <c r="J377" s="92">
        <v>1.7456698802923228E-2</v>
      </c>
      <c r="K377" s="204">
        <v>190</v>
      </c>
      <c r="L377" s="208">
        <v>0.59660527420287324</v>
      </c>
      <c r="M377" s="92">
        <v>7.0498709808091767E-2</v>
      </c>
      <c r="N377" s="208">
        <v>0.16847967230427505</v>
      </c>
      <c r="O377" s="92">
        <v>5.4598769598475982E-2</v>
      </c>
      <c r="P377" s="208">
        <v>0.16584959334240293</v>
      </c>
      <c r="Q377" s="92">
        <v>5.4280757216351123E-2</v>
      </c>
      <c r="R377" s="208">
        <v>6.9065460150447719E-2</v>
      </c>
      <c r="S377" s="92">
        <v>3.8496055616803179E-2</v>
      </c>
      <c r="T377" s="204">
        <v>190</v>
      </c>
      <c r="U377" s="208">
        <v>0.78166998626898743</v>
      </c>
      <c r="V377" s="92">
        <v>5.9879597339694973E-2</v>
      </c>
      <c r="W377" s="208">
        <v>9.2823941864344964E-2</v>
      </c>
      <c r="X377" s="92">
        <v>4.3309952869791349E-2</v>
      </c>
      <c r="Y377" s="208">
        <v>7.6174376052888806E-2</v>
      </c>
      <c r="Z377" s="92">
        <v>4.0026491966911298E-2</v>
      </c>
      <c r="AA377" s="208">
        <v>4.9331695813778199E-2</v>
      </c>
      <c r="AB377" s="92">
        <v>3.3732444184161547E-2</v>
      </c>
      <c r="AC377" s="204">
        <v>189</v>
      </c>
      <c r="AD377" s="208">
        <v>0.68925354766101277</v>
      </c>
      <c r="AE377" s="92">
        <v>6.6854160105389998E-2</v>
      </c>
      <c r="AF377" s="208">
        <v>0.14480344981705387</v>
      </c>
      <c r="AG377" s="92">
        <v>5.1708797632350124E-2</v>
      </c>
      <c r="AH377" s="208">
        <v>8.5015976467499713E-2</v>
      </c>
      <c r="AI377" s="92">
        <v>4.1935701717913235E-2</v>
      </c>
      <c r="AJ377" s="208">
        <v>8.092702605443293E-2</v>
      </c>
      <c r="AK377" s="92">
        <v>4.1119585587044476E-2</v>
      </c>
      <c r="AL377" s="204">
        <v>190</v>
      </c>
      <c r="AM377" s="208">
        <v>0.51899789500670646</v>
      </c>
      <c r="AN377" s="92">
        <v>7.1746088632036922E-2</v>
      </c>
      <c r="AO377" s="208">
        <v>0.18805247134779479</v>
      </c>
      <c r="AP377" s="92">
        <v>5.6834033186479324E-2</v>
      </c>
      <c r="AQ377" s="208">
        <v>0.14412009422986724</v>
      </c>
      <c r="AR377" s="92">
        <v>5.1476819269181517E-2</v>
      </c>
      <c r="AS377" s="208">
        <v>0.14882953941563068</v>
      </c>
      <c r="AT377" s="92">
        <v>5.2112540844808895E-2</v>
      </c>
    </row>
    <row r="380" spans="1:46" ht="18.75">
      <c r="A380" s="337" t="s">
        <v>16</v>
      </c>
      <c r="B380" s="337"/>
      <c r="C380" s="337"/>
      <c r="D380" s="337"/>
    </row>
    <row r="381" spans="1:46" ht="98.25" customHeight="1">
      <c r="A381" s="416" t="s">
        <v>432</v>
      </c>
      <c r="B381" s="416"/>
      <c r="C381" s="416"/>
      <c r="D381" s="416"/>
    </row>
    <row r="382" spans="1:46" ht="38.25" customHeight="1">
      <c r="A382" s="404" t="s">
        <v>147</v>
      </c>
      <c r="B382" s="404"/>
      <c r="C382" s="404"/>
      <c r="D382" s="404"/>
    </row>
    <row r="383" spans="1:46" ht="40.5" customHeight="1">
      <c r="A383" s="32" t="s">
        <v>71</v>
      </c>
      <c r="B383" s="33" t="s">
        <v>72</v>
      </c>
      <c r="C383" s="34" t="s">
        <v>589</v>
      </c>
      <c r="D383" s="35" t="s">
        <v>73</v>
      </c>
    </row>
    <row r="384" spans="1:46" ht="72">
      <c r="A384" s="36"/>
      <c r="B384" s="37" t="s">
        <v>74</v>
      </c>
      <c r="C384" s="123" t="s">
        <v>148</v>
      </c>
      <c r="D384" s="39" t="s">
        <v>76</v>
      </c>
    </row>
    <row r="385" spans="1:4">
      <c r="A385" s="40" t="s">
        <v>350</v>
      </c>
      <c r="B385" s="209">
        <v>13959</v>
      </c>
      <c r="C385" s="79">
        <v>5.6012533169521053</v>
      </c>
      <c r="D385" s="80">
        <v>1.9371258520782125E-2</v>
      </c>
    </row>
    <row r="386" spans="1:4">
      <c r="A386" s="44" t="s">
        <v>351</v>
      </c>
      <c r="B386" s="44">
        <v>10157</v>
      </c>
      <c r="C386" s="211">
        <v>5.7669028938476252</v>
      </c>
      <c r="D386" s="212">
        <v>2.1718988611070283E-2</v>
      </c>
    </row>
    <row r="387" spans="1:4">
      <c r="A387" s="40" t="s">
        <v>352</v>
      </c>
      <c r="B387" s="48">
        <v>3802</v>
      </c>
      <c r="C387" s="79">
        <v>5.4704374696305491</v>
      </c>
      <c r="D387" s="80">
        <v>4.0200710211838943E-2</v>
      </c>
    </row>
    <row r="388" spans="1:4">
      <c r="A388" s="44" t="s">
        <v>534</v>
      </c>
      <c r="B388" s="44">
        <v>1880</v>
      </c>
      <c r="C388" s="211">
        <v>5.6473580178422624</v>
      </c>
      <c r="D388" s="212">
        <v>5.2091273722983729E-2</v>
      </c>
    </row>
    <row r="389" spans="1:4">
      <c r="A389" s="40" t="s">
        <v>535</v>
      </c>
      <c r="B389" s="48">
        <v>1526</v>
      </c>
      <c r="C389" s="79">
        <v>5.6291444935460966</v>
      </c>
      <c r="D389" s="80">
        <v>5.8361553317547506E-2</v>
      </c>
    </row>
    <row r="390" spans="1:4">
      <c r="A390" s="44" t="s">
        <v>546</v>
      </c>
      <c r="B390" s="44">
        <v>357</v>
      </c>
      <c r="C390" s="211">
        <v>5.6980653163421815</v>
      </c>
      <c r="D390" s="212">
        <v>0.11634681346667386</v>
      </c>
    </row>
    <row r="391" spans="1:4">
      <c r="A391" s="40" t="s">
        <v>536</v>
      </c>
      <c r="B391" s="48">
        <v>297</v>
      </c>
      <c r="C391" s="79">
        <v>5.5224461139669234</v>
      </c>
      <c r="D391" s="80">
        <v>0.12742937693423778</v>
      </c>
    </row>
    <row r="392" spans="1:4">
      <c r="A392" s="44" t="s">
        <v>537</v>
      </c>
      <c r="B392" s="44">
        <v>88</v>
      </c>
      <c r="C392" s="211">
        <v>5.0780918035842024</v>
      </c>
      <c r="D392" s="212">
        <v>0.21861558756380292</v>
      </c>
    </row>
    <row r="393" spans="1:4">
      <c r="A393" s="40" t="s">
        <v>538</v>
      </c>
      <c r="B393" s="48">
        <v>90</v>
      </c>
      <c r="C393" s="79">
        <v>5.7382773523283994</v>
      </c>
      <c r="D393" s="80">
        <v>0.22584465713916099</v>
      </c>
    </row>
    <row r="394" spans="1:4">
      <c r="A394" s="44" t="s">
        <v>539</v>
      </c>
      <c r="B394" s="44">
        <v>100</v>
      </c>
      <c r="C394" s="211">
        <v>5.6521319622598281</v>
      </c>
      <c r="D394" s="212">
        <v>0.22322222222222224</v>
      </c>
    </row>
    <row r="395" spans="1:4">
      <c r="A395" s="40" t="s">
        <v>540</v>
      </c>
      <c r="B395" s="209">
        <v>113</v>
      </c>
      <c r="C395" s="79">
        <v>5.8267492941099626</v>
      </c>
      <c r="D395" s="80">
        <v>0.18635490156518797</v>
      </c>
    </row>
    <row r="396" spans="1:4">
      <c r="A396" s="44" t="s">
        <v>541</v>
      </c>
      <c r="B396" s="210">
        <v>111</v>
      </c>
      <c r="C396" s="211">
        <v>5.4064030135133141</v>
      </c>
      <c r="D396" s="212">
        <v>0.2104107850083583</v>
      </c>
    </row>
    <row r="397" spans="1:4">
      <c r="A397" s="40" t="s">
        <v>542</v>
      </c>
      <c r="B397" s="78">
        <v>169</v>
      </c>
      <c r="C397" s="79">
        <v>5.0823622286561942</v>
      </c>
      <c r="D397" s="80">
        <v>0.17601017981864794</v>
      </c>
    </row>
    <row r="398" spans="1:4">
      <c r="A398" s="44" t="s">
        <v>547</v>
      </c>
      <c r="B398" s="210">
        <v>70</v>
      </c>
      <c r="C398" s="211">
        <v>5.191041609231859</v>
      </c>
      <c r="D398" s="212">
        <v>0.24953310346775226</v>
      </c>
    </row>
    <row r="399" spans="1:4">
      <c r="A399" s="52" t="s">
        <v>548</v>
      </c>
      <c r="B399" s="209">
        <v>124</v>
      </c>
      <c r="C399" s="79">
        <v>5.9257348569502781</v>
      </c>
      <c r="D399" s="80">
        <v>0.18766054793477735</v>
      </c>
    </row>
    <row r="400" spans="1:4">
      <c r="A400" s="44" t="s">
        <v>549</v>
      </c>
      <c r="B400" s="210">
        <v>102</v>
      </c>
      <c r="C400" s="211">
        <v>5.4784994970759477</v>
      </c>
      <c r="D400" s="212">
        <v>0.25040485771247484</v>
      </c>
    </row>
    <row r="401" spans="1:38">
      <c r="A401" s="52" t="s">
        <v>550</v>
      </c>
      <c r="B401" s="209">
        <v>130</v>
      </c>
      <c r="C401" s="79">
        <v>5.3973699997906301</v>
      </c>
      <c r="D401" s="80">
        <v>0.21602100775533462</v>
      </c>
    </row>
    <row r="402" spans="1:38">
      <c r="A402" s="44" t="s">
        <v>551</v>
      </c>
      <c r="B402" s="210">
        <v>121</v>
      </c>
      <c r="C402" s="211">
        <v>5.7545576870744908</v>
      </c>
      <c r="D402" s="212">
        <v>0.20866617720948558</v>
      </c>
    </row>
    <row r="403" spans="1:38">
      <c r="A403" s="52" t="s">
        <v>543</v>
      </c>
      <c r="B403" s="209">
        <v>168</v>
      </c>
      <c r="C403" s="79">
        <v>6.1675344650888082</v>
      </c>
      <c r="D403" s="80">
        <v>0.14528436261027172</v>
      </c>
    </row>
    <row r="404" spans="1:38">
      <c r="A404" s="44" t="s">
        <v>544</v>
      </c>
      <c r="B404" s="210">
        <v>49</v>
      </c>
      <c r="C404" s="211">
        <v>6.4060718627289326</v>
      </c>
      <c r="D404" s="212">
        <v>0.20244798143025572</v>
      </c>
    </row>
    <row r="405" spans="1:38">
      <c r="A405" s="52" t="s">
        <v>552</v>
      </c>
      <c r="B405" s="209">
        <v>119</v>
      </c>
      <c r="C405" s="79">
        <v>6.0670555792207779</v>
      </c>
      <c r="D405" s="80">
        <v>0.18444062014248733</v>
      </c>
    </row>
    <row r="406" spans="1:38">
      <c r="A406" s="44" t="s">
        <v>545</v>
      </c>
      <c r="B406" s="210">
        <v>188</v>
      </c>
      <c r="C406" s="211">
        <v>5.6208411214003009</v>
      </c>
      <c r="D406" s="212">
        <v>0.16243443686389983</v>
      </c>
    </row>
    <row r="407" spans="1:38">
      <c r="P407" s="242"/>
      <c r="Q407" s="242"/>
      <c r="R407" s="242"/>
      <c r="S407" s="242"/>
      <c r="T407" s="242"/>
      <c r="U407" s="242"/>
      <c r="V407" s="242"/>
      <c r="W407" s="242"/>
      <c r="X407" s="242"/>
      <c r="Y407" s="242"/>
      <c r="Z407" s="242"/>
      <c r="AA407" s="242"/>
      <c r="AB407" s="242"/>
      <c r="AC407" s="242"/>
      <c r="AD407" s="242"/>
      <c r="AE407" s="242"/>
      <c r="AF407" s="242"/>
      <c r="AG407" s="242"/>
      <c r="AH407" s="242"/>
    </row>
    <row r="408" spans="1:38">
      <c r="P408" s="242"/>
      <c r="Q408" s="242"/>
      <c r="R408" s="242"/>
      <c r="S408" s="242"/>
      <c r="T408" s="242"/>
      <c r="U408" s="242"/>
      <c r="V408" s="242"/>
      <c r="W408" s="242"/>
      <c r="X408" s="242"/>
      <c r="Y408" s="242"/>
      <c r="Z408" s="242"/>
      <c r="AA408" s="242"/>
      <c r="AB408" s="242"/>
      <c r="AC408" s="242"/>
      <c r="AD408" s="242"/>
      <c r="AE408" s="242"/>
      <c r="AF408" s="242"/>
      <c r="AG408" s="242"/>
      <c r="AH408" s="242"/>
    </row>
    <row r="409" spans="1:38" ht="18.75">
      <c r="A409" s="337" t="s">
        <v>51</v>
      </c>
      <c r="B409" s="337"/>
      <c r="C409" s="337"/>
      <c r="D409" s="337"/>
      <c r="E409" s="337"/>
      <c r="F409" s="337"/>
      <c r="G409" s="337"/>
      <c r="H409" s="337"/>
      <c r="I409" s="337"/>
      <c r="J409" s="337"/>
      <c r="K409" s="337"/>
      <c r="L409" s="337"/>
      <c r="M409" s="337"/>
      <c r="N409" s="337"/>
      <c r="O409" s="337"/>
      <c r="P409" s="337"/>
      <c r="Q409" s="337"/>
      <c r="R409" s="337"/>
      <c r="S409" s="337"/>
      <c r="T409" s="337"/>
      <c r="U409" s="337"/>
      <c r="V409" s="337"/>
      <c r="W409" s="337"/>
      <c r="X409" s="337"/>
      <c r="Y409" s="337"/>
      <c r="Z409" s="337"/>
      <c r="AA409" s="337"/>
      <c r="AB409" s="337"/>
      <c r="AC409" s="242"/>
      <c r="AD409" s="242"/>
      <c r="AE409" s="242"/>
      <c r="AF409" s="242"/>
      <c r="AG409" s="242"/>
      <c r="AH409" s="242"/>
    </row>
    <row r="410" spans="1:38" ht="63" customHeight="1">
      <c r="A410" s="417" t="s">
        <v>600</v>
      </c>
      <c r="B410" s="417"/>
      <c r="C410" s="417"/>
      <c r="D410" s="417"/>
      <c r="E410" s="417"/>
      <c r="F410" s="417"/>
      <c r="G410" s="417"/>
      <c r="H410" s="417"/>
      <c r="I410" s="417"/>
      <c r="J410" s="417"/>
      <c r="K410" s="417"/>
      <c r="L410" s="417"/>
      <c r="M410" s="417"/>
      <c r="N410" s="417"/>
      <c r="O410" s="417"/>
      <c r="P410" s="417"/>
      <c r="Q410" s="417"/>
      <c r="R410" s="417"/>
      <c r="S410" s="417"/>
      <c r="T410" s="417"/>
      <c r="U410" s="417"/>
      <c r="V410" s="417"/>
      <c r="W410" s="417"/>
      <c r="X410" s="417"/>
      <c r="Y410" s="417"/>
      <c r="Z410" s="417"/>
      <c r="AA410" s="417"/>
      <c r="AB410" s="417"/>
      <c r="AC410" s="242"/>
      <c r="AD410" s="242"/>
      <c r="AE410" s="242"/>
      <c r="AF410" s="242"/>
      <c r="AG410" s="242"/>
      <c r="AH410" s="242"/>
    </row>
    <row r="411" spans="1:38" ht="35.25" customHeight="1">
      <c r="A411" s="59"/>
      <c r="B411" s="400" t="s">
        <v>433</v>
      </c>
      <c r="C411" s="401"/>
      <c r="D411" s="401"/>
      <c r="E411" s="401"/>
      <c r="F411" s="401"/>
      <c r="G411" s="401"/>
      <c r="H411" s="401"/>
      <c r="I411" s="401"/>
      <c r="J411" s="402"/>
      <c r="K411" s="400" t="s">
        <v>434</v>
      </c>
      <c r="L411" s="401"/>
      <c r="M411" s="401"/>
      <c r="N411" s="401"/>
      <c r="O411" s="401"/>
      <c r="P411" s="401"/>
      <c r="Q411" s="401"/>
      <c r="R411" s="401"/>
      <c r="S411" s="402"/>
      <c r="T411" s="400" t="s">
        <v>435</v>
      </c>
      <c r="U411" s="401"/>
      <c r="V411" s="401"/>
      <c r="W411" s="401"/>
      <c r="X411" s="401"/>
      <c r="Y411" s="401"/>
      <c r="Z411" s="401"/>
      <c r="AA411" s="401"/>
      <c r="AB411" s="402"/>
      <c r="AC411" s="242"/>
      <c r="AD411" s="242"/>
      <c r="AE411" s="242"/>
      <c r="AF411" s="242"/>
      <c r="AG411" s="242"/>
      <c r="AH411" s="242"/>
      <c r="AI411" s="242"/>
      <c r="AJ411" s="242"/>
      <c r="AK411" s="242"/>
      <c r="AL411" s="242"/>
    </row>
    <row r="412" spans="1:38" ht="59.25" customHeight="1">
      <c r="A412" s="32" t="s">
        <v>71</v>
      </c>
      <c r="B412" s="33" t="s">
        <v>72</v>
      </c>
      <c r="C412" s="33" t="s">
        <v>470</v>
      </c>
      <c r="D412" s="84" t="s">
        <v>471</v>
      </c>
      <c r="E412" s="33" t="s">
        <v>472</v>
      </c>
      <c r="F412" s="84" t="s">
        <v>473</v>
      </c>
      <c r="G412" s="33" t="s">
        <v>474</v>
      </c>
      <c r="H412" s="84" t="s">
        <v>475</v>
      </c>
      <c r="I412" s="33" t="s">
        <v>301</v>
      </c>
      <c r="J412" s="84" t="s">
        <v>315</v>
      </c>
      <c r="K412" s="60" t="s">
        <v>72</v>
      </c>
      <c r="L412" s="60" t="s">
        <v>470</v>
      </c>
      <c r="M412" s="83" t="s">
        <v>471</v>
      </c>
      <c r="N412" s="60" t="s">
        <v>472</v>
      </c>
      <c r="O412" s="83" t="s">
        <v>473</v>
      </c>
      <c r="P412" s="60" t="s">
        <v>474</v>
      </c>
      <c r="Q412" s="83" t="s">
        <v>475</v>
      </c>
      <c r="R412" s="60" t="s">
        <v>301</v>
      </c>
      <c r="S412" s="83" t="s">
        <v>315</v>
      </c>
      <c r="T412" s="33" t="s">
        <v>72</v>
      </c>
      <c r="U412" s="33" t="s">
        <v>470</v>
      </c>
      <c r="V412" s="84" t="s">
        <v>471</v>
      </c>
      <c r="W412" s="33" t="s">
        <v>472</v>
      </c>
      <c r="X412" s="84" t="s">
        <v>473</v>
      </c>
      <c r="Y412" s="33" t="s">
        <v>474</v>
      </c>
      <c r="Z412" s="84" t="s">
        <v>475</v>
      </c>
      <c r="AA412" s="33" t="s">
        <v>301</v>
      </c>
      <c r="AB412" s="84" t="s">
        <v>315</v>
      </c>
      <c r="AC412" s="242"/>
      <c r="AD412" s="242"/>
      <c r="AE412" s="242"/>
      <c r="AF412" s="242"/>
      <c r="AG412" s="242"/>
      <c r="AH412" s="242"/>
      <c r="AI412" s="242"/>
      <c r="AJ412" s="242"/>
      <c r="AK412" s="242"/>
      <c r="AL412" s="242"/>
    </row>
    <row r="413" spans="1:38" ht="72">
      <c r="A413" s="36"/>
      <c r="B413" s="37" t="s">
        <v>74</v>
      </c>
      <c r="C413" s="37" t="s">
        <v>159</v>
      </c>
      <c r="D413" s="86" t="s">
        <v>88</v>
      </c>
      <c r="E413" s="37" t="s">
        <v>160</v>
      </c>
      <c r="F413" s="86" t="s">
        <v>88</v>
      </c>
      <c r="G413" s="37" t="s">
        <v>161</v>
      </c>
      <c r="H413" s="86" t="s">
        <v>88</v>
      </c>
      <c r="I413" s="37" t="s">
        <v>301</v>
      </c>
      <c r="J413" s="86" t="s">
        <v>88</v>
      </c>
      <c r="K413" s="63" t="s">
        <v>74</v>
      </c>
      <c r="L413" s="63" t="s">
        <v>159</v>
      </c>
      <c r="M413" s="85" t="s">
        <v>88</v>
      </c>
      <c r="N413" s="63" t="s">
        <v>160</v>
      </c>
      <c r="O413" s="85" t="s">
        <v>88</v>
      </c>
      <c r="P413" s="63" t="s">
        <v>161</v>
      </c>
      <c r="Q413" s="255" t="s">
        <v>88</v>
      </c>
      <c r="R413" s="63" t="s">
        <v>301</v>
      </c>
      <c r="S413" s="85" t="s">
        <v>88</v>
      </c>
      <c r="T413" s="37" t="s">
        <v>74</v>
      </c>
      <c r="U413" s="37" t="s">
        <v>159</v>
      </c>
      <c r="V413" s="86" t="s">
        <v>88</v>
      </c>
      <c r="W413" s="37" t="s">
        <v>160</v>
      </c>
      <c r="X413" s="86" t="s">
        <v>88</v>
      </c>
      <c r="Y413" s="37" t="s">
        <v>161</v>
      </c>
      <c r="Z413" s="86" t="s">
        <v>88</v>
      </c>
      <c r="AA413" s="37" t="s">
        <v>301</v>
      </c>
      <c r="AB413" s="86" t="s">
        <v>88</v>
      </c>
    </row>
    <row r="414" spans="1:38">
      <c r="A414" s="40" t="s">
        <v>350</v>
      </c>
      <c r="B414" s="209">
        <v>13997</v>
      </c>
      <c r="C414" s="213">
        <v>6.9488905960501821E-2</v>
      </c>
      <c r="D414" s="89">
        <v>4.3015431734890405E-3</v>
      </c>
      <c r="E414" s="213">
        <v>9.03302013597507E-2</v>
      </c>
      <c r="F414" s="89">
        <v>4.8479940551183825E-3</v>
      </c>
      <c r="G414" s="213">
        <v>0.83164784616154475</v>
      </c>
      <c r="H414" s="89">
        <v>6.3259677926820529E-3</v>
      </c>
      <c r="I414" s="213">
        <v>8.5330465182073927E-3</v>
      </c>
      <c r="J414" s="89">
        <v>1.567310040528438E-3</v>
      </c>
      <c r="K414" s="209">
        <v>13984</v>
      </c>
      <c r="L414" s="215">
        <v>0.12446767803727543</v>
      </c>
      <c r="M414" s="89">
        <v>5.5844087823388308E-3</v>
      </c>
      <c r="N414" s="213">
        <v>0.1510313263365608</v>
      </c>
      <c r="O414" s="89">
        <v>6.0568865231893816E-3</v>
      </c>
      <c r="P414" s="213">
        <v>0.71476908749387102</v>
      </c>
      <c r="Q414" s="256">
        <v>7.635921449937598E-3</v>
      </c>
      <c r="R414" s="213">
        <v>9.7319081323008864E-3</v>
      </c>
      <c r="S414" s="89">
        <v>1.6718707998115148E-3</v>
      </c>
      <c r="T414" s="209">
        <v>13984</v>
      </c>
      <c r="U414" s="213">
        <v>7.0603419523601108E-2</v>
      </c>
      <c r="V414" s="89">
        <v>4.3352507258003267E-3</v>
      </c>
      <c r="W414" s="213">
        <v>9.140734923529395E-2</v>
      </c>
      <c r="X414" s="89">
        <v>4.8761472847168707E-3</v>
      </c>
      <c r="Y414" s="213">
        <v>0.82779566732645504</v>
      </c>
      <c r="Z414" s="89">
        <v>6.3860067472446937E-3</v>
      </c>
      <c r="AA414" s="213">
        <v>1.0193563914653698E-2</v>
      </c>
      <c r="AB414" s="89">
        <v>1.7101059425639006E-3</v>
      </c>
    </row>
    <row r="415" spans="1:38">
      <c r="A415" s="44" t="s">
        <v>351</v>
      </c>
      <c r="B415" s="210">
        <v>10181</v>
      </c>
      <c r="C415" s="214">
        <v>5.5771260126623229E-2</v>
      </c>
      <c r="D415" s="92">
        <v>4.5544025107001592E-3</v>
      </c>
      <c r="E415" s="214">
        <v>6.769418318041226E-2</v>
      </c>
      <c r="F415" s="92">
        <v>4.9843524173121103E-3</v>
      </c>
      <c r="G415" s="214">
        <v>0.87028685890989887</v>
      </c>
      <c r="H415" s="92">
        <v>6.6616176792407278E-3</v>
      </c>
      <c r="I415" s="214">
        <v>6.2476977830547972E-3</v>
      </c>
      <c r="J415" s="92">
        <v>1.585416719608216E-3</v>
      </c>
      <c r="K415" s="210">
        <v>10165</v>
      </c>
      <c r="L415" s="214">
        <v>0.12134498611555503</v>
      </c>
      <c r="M415" s="92">
        <v>6.4794858685394844E-3</v>
      </c>
      <c r="N415" s="214">
        <v>0.1467456119577828</v>
      </c>
      <c r="O415" s="92">
        <v>7.0207394003520456E-3</v>
      </c>
      <c r="P415" s="214">
        <v>0.72367822063620413</v>
      </c>
      <c r="Q415" s="257">
        <v>8.8698017077062409E-3</v>
      </c>
      <c r="R415" s="214">
        <v>8.2311812904523936E-3</v>
      </c>
      <c r="S415" s="92">
        <v>1.8127123451858256E-3</v>
      </c>
      <c r="T415" s="210">
        <v>10167</v>
      </c>
      <c r="U415" s="214">
        <v>5.1967621136293746E-2</v>
      </c>
      <c r="V415" s="92">
        <v>4.4088042604215651E-3</v>
      </c>
      <c r="W415" s="214">
        <v>6.8821771804385493E-2</v>
      </c>
      <c r="X415" s="92">
        <v>5.0259982024442934E-3</v>
      </c>
      <c r="Y415" s="214">
        <v>0.87128348577884585</v>
      </c>
      <c r="Z415" s="92">
        <v>6.644385833423549E-3</v>
      </c>
      <c r="AA415" s="214">
        <v>7.9271212804651117E-3</v>
      </c>
      <c r="AB415" s="92">
        <v>1.7798063707391723E-3</v>
      </c>
    </row>
    <row r="416" spans="1:38">
      <c r="A416" s="40" t="s">
        <v>352</v>
      </c>
      <c r="B416" s="209">
        <v>3816</v>
      </c>
      <c r="C416" s="213">
        <v>8.0298884468340645E-2</v>
      </c>
      <c r="D416" s="89">
        <v>8.8157212594945945E-3</v>
      </c>
      <c r="E416" s="213">
        <v>0.10816816517547961</v>
      </c>
      <c r="F416" s="89">
        <v>1.0067269981012986E-2</v>
      </c>
      <c r="G416" s="213">
        <v>0.80119897013483554</v>
      </c>
      <c r="H416" s="89">
        <v>1.2922202661960154E-2</v>
      </c>
      <c r="I416" s="213">
        <v>1.0333980221343591E-2</v>
      </c>
      <c r="J416" s="89">
        <v>3.3518094175664925E-3</v>
      </c>
      <c r="K416" s="209">
        <v>3819</v>
      </c>
      <c r="L416" s="215">
        <v>0.12692672162460542</v>
      </c>
      <c r="M416" s="89">
        <v>1.0782001840017779E-2</v>
      </c>
      <c r="N416" s="213">
        <v>0.15440622169109808</v>
      </c>
      <c r="O416" s="89">
        <v>1.169920056663218E-2</v>
      </c>
      <c r="P416" s="213">
        <v>0.70775336283336154</v>
      </c>
      <c r="Q416" s="256">
        <v>1.4714256737517094E-2</v>
      </c>
      <c r="R416" s="213">
        <v>1.0913693850936122E-2</v>
      </c>
      <c r="S416" s="89">
        <v>3.4377060019035498E-3</v>
      </c>
      <c r="T416" s="209">
        <v>3817</v>
      </c>
      <c r="U416" s="213">
        <v>8.5248864245439815E-2</v>
      </c>
      <c r="V416" s="89">
        <v>9.0560186752224655E-3</v>
      </c>
      <c r="W416" s="213">
        <v>0.10915683433384854</v>
      </c>
      <c r="X416" s="89">
        <v>1.0106021668753832E-2</v>
      </c>
      <c r="Y416" s="213">
        <v>0.79361959244189906</v>
      </c>
      <c r="Z416" s="89">
        <v>1.3101497878337535E-2</v>
      </c>
      <c r="AA416" s="213">
        <v>1.1974708978813316E-2</v>
      </c>
      <c r="AB416" s="89">
        <v>3.5926742710500224E-3</v>
      </c>
    </row>
    <row r="417" spans="1:28">
      <c r="A417" s="44" t="s">
        <v>534</v>
      </c>
      <c r="B417" s="210">
        <v>1888</v>
      </c>
      <c r="C417" s="214">
        <v>5.9890145151849462E-2</v>
      </c>
      <c r="D417" s="92">
        <v>1.0989276280132739E-2</v>
      </c>
      <c r="E417" s="214">
        <v>8.3689553014519677E-2</v>
      </c>
      <c r="F417" s="92">
        <v>1.2793502865382E-2</v>
      </c>
      <c r="G417" s="214">
        <v>0.84636326423486663</v>
      </c>
      <c r="H417" s="92">
        <v>1.6612688747657596E-2</v>
      </c>
      <c r="I417" s="214">
        <v>1.005703759876519E-2</v>
      </c>
      <c r="J417" s="92">
        <v>4.8158051804933618E-3</v>
      </c>
      <c r="K417" s="210">
        <v>1889</v>
      </c>
      <c r="L417" s="214">
        <v>0.12776239275159484</v>
      </c>
      <c r="M417" s="92">
        <v>1.5385458828409861E-2</v>
      </c>
      <c r="N417" s="214">
        <v>0.14631968788315722</v>
      </c>
      <c r="O417" s="92">
        <v>1.6280577370050033E-2</v>
      </c>
      <c r="P417" s="214">
        <v>0.71330470924500677</v>
      </c>
      <c r="Q417" s="257">
        <v>2.0797272190189842E-2</v>
      </c>
      <c r="R417" s="214">
        <v>1.2613210120244517E-2</v>
      </c>
      <c r="S417" s="92">
        <v>5.3324645663590043E-3</v>
      </c>
      <c r="T417" s="210">
        <v>1887</v>
      </c>
      <c r="U417" s="214">
        <v>5.5748011591388008E-2</v>
      </c>
      <c r="V417" s="92">
        <v>1.0635465596335294E-2</v>
      </c>
      <c r="W417" s="214">
        <v>8.8392282778464781E-2</v>
      </c>
      <c r="X417" s="92">
        <v>1.3113431449366214E-2</v>
      </c>
      <c r="Y417" s="214">
        <v>0.84463521676376085</v>
      </c>
      <c r="Z417" s="92">
        <v>1.6692605464952017E-2</v>
      </c>
      <c r="AA417" s="214">
        <v>1.122448886638705E-2</v>
      </c>
      <c r="AB417" s="92">
        <v>5.0608396466071612E-3</v>
      </c>
    </row>
    <row r="418" spans="1:28">
      <c r="A418" s="40" t="s">
        <v>535</v>
      </c>
      <c r="B418" s="209">
        <v>1531</v>
      </c>
      <c r="C418" s="213">
        <v>6.6807860745096648E-2</v>
      </c>
      <c r="D418" s="89">
        <v>1.2845491733776066E-2</v>
      </c>
      <c r="E418" s="213">
        <v>8.6404390695649966E-2</v>
      </c>
      <c r="F418" s="89">
        <v>1.4423021337709487E-2</v>
      </c>
      <c r="G418" s="213">
        <v>0.83814737236782311</v>
      </c>
      <c r="H418" s="89">
        <v>1.8842844374135692E-2</v>
      </c>
      <c r="I418" s="213">
        <v>8.6403761914291138E-3</v>
      </c>
      <c r="J418" s="89">
        <v>5.0592244986107917E-3</v>
      </c>
      <c r="K418" s="209">
        <v>1532</v>
      </c>
      <c r="L418" s="215">
        <v>0.14124748019211075</v>
      </c>
      <c r="M418" s="89">
        <v>1.7821897138219175E-2</v>
      </c>
      <c r="N418" s="213">
        <v>0.1524963841885367</v>
      </c>
      <c r="O418" s="89">
        <v>1.8390255142897993E-2</v>
      </c>
      <c r="P418" s="213">
        <v>0.69404928324197412</v>
      </c>
      <c r="Q418" s="256">
        <v>2.3526400327351808E-2</v>
      </c>
      <c r="R418" s="213">
        <v>1.2206852377377229E-2</v>
      </c>
      <c r="S418" s="89">
        <v>5.884193502800391E-3</v>
      </c>
      <c r="T418" s="209">
        <v>1529</v>
      </c>
      <c r="U418" s="213">
        <v>5.3441453970940571E-2</v>
      </c>
      <c r="V418" s="89">
        <v>1.1606143321536564E-2</v>
      </c>
      <c r="W418" s="213">
        <v>8.5510209044671034E-2</v>
      </c>
      <c r="X418" s="89">
        <v>1.436579212001381E-2</v>
      </c>
      <c r="Y418" s="213">
        <v>0.85272393213669762</v>
      </c>
      <c r="Z418" s="89">
        <v>1.8148782741191916E-2</v>
      </c>
      <c r="AA418" s="213">
        <v>8.3244048476891763E-3</v>
      </c>
      <c r="AB418" s="89">
        <v>4.982687631111149E-3</v>
      </c>
    </row>
    <row r="419" spans="1:28">
      <c r="A419" s="44" t="s">
        <v>546</v>
      </c>
      <c r="B419" s="210">
        <v>361</v>
      </c>
      <c r="C419" s="214">
        <v>3.8061283486660519E-2</v>
      </c>
      <c r="D419" s="92">
        <v>2.1265182425302932E-2</v>
      </c>
      <c r="E419" s="214">
        <v>7.7128683532331474E-2</v>
      </c>
      <c r="F419" s="92">
        <v>2.8683959452623833E-2</v>
      </c>
      <c r="G419" s="214">
        <v>0.86600751276547061</v>
      </c>
      <c r="H419" s="92">
        <v>3.6106168349429583E-2</v>
      </c>
      <c r="I419" s="214">
        <v>1.8802520215536907E-2</v>
      </c>
      <c r="J419" s="92">
        <v>1.6046599080686466E-2</v>
      </c>
      <c r="K419" s="210">
        <v>361</v>
      </c>
      <c r="L419" s="214">
        <v>8.7735389894453064E-2</v>
      </c>
      <c r="M419" s="92">
        <v>3.0294025112010813E-2</v>
      </c>
      <c r="N419" s="214">
        <v>0.12591020968526911</v>
      </c>
      <c r="O419" s="92">
        <v>3.5206983979406394E-2</v>
      </c>
      <c r="P419" s="214">
        <v>0.76813108625349147</v>
      </c>
      <c r="Q419" s="257">
        <v>4.4373613198798088E-2</v>
      </c>
      <c r="R419" s="214">
        <v>1.8223314166785097E-2</v>
      </c>
      <c r="S419" s="92">
        <v>1.5859197202734956E-2</v>
      </c>
      <c r="T419" s="210">
        <v>362</v>
      </c>
      <c r="U419" s="214">
        <v>6.482626613895312E-2</v>
      </c>
      <c r="V419" s="92">
        <v>2.6599760028926108E-2</v>
      </c>
      <c r="W419" s="214">
        <v>9.6304658694070594E-2</v>
      </c>
      <c r="X419" s="92">
        <v>3.1462144857529017E-2</v>
      </c>
      <c r="Y419" s="214">
        <v>0.81443231536954397</v>
      </c>
      <c r="Z419" s="92">
        <v>4.0929307613051781E-2</v>
      </c>
      <c r="AA419" s="214">
        <v>2.4436759797431411E-2</v>
      </c>
      <c r="AB419" s="92">
        <v>1.7727749262521051E-2</v>
      </c>
    </row>
    <row r="420" spans="1:28">
      <c r="A420" s="40" t="s">
        <v>536</v>
      </c>
      <c r="B420" s="209">
        <v>295</v>
      </c>
      <c r="C420" s="213">
        <v>6.397154439723457E-2</v>
      </c>
      <c r="D420" s="89">
        <v>2.9472963567409138E-2</v>
      </c>
      <c r="E420" s="213">
        <v>7.5119809120164915E-2</v>
      </c>
      <c r="F420" s="89">
        <v>3.1522050870559107E-2</v>
      </c>
      <c r="G420" s="213">
        <v>0.85573980893372725</v>
      </c>
      <c r="H420" s="89">
        <v>4.11884509208639E-2</v>
      </c>
      <c r="I420" s="213">
        <v>5.1688375488702235E-3</v>
      </c>
      <c r="J420" s="89">
        <v>1.2483932204150183E-2</v>
      </c>
      <c r="K420" s="209">
        <v>295</v>
      </c>
      <c r="L420" s="215">
        <v>0.14253627946214611</v>
      </c>
      <c r="M420" s="89">
        <v>4.0993627207834955E-2</v>
      </c>
      <c r="N420" s="213">
        <v>0.21409002693717344</v>
      </c>
      <c r="O420" s="89">
        <v>4.7749065616782216E-2</v>
      </c>
      <c r="P420" s="213">
        <v>0.64337369360067742</v>
      </c>
      <c r="Q420" s="256">
        <v>5.5468849775809487E-2</v>
      </c>
      <c r="R420" s="213">
        <v>0</v>
      </c>
      <c r="S420" s="89">
        <v>9.4279318741167257E-3</v>
      </c>
      <c r="T420" s="209">
        <v>294</v>
      </c>
      <c r="U420" s="213">
        <v>7.4024295864581036E-2</v>
      </c>
      <c r="V420" s="89">
        <v>3.1384878491504543E-2</v>
      </c>
      <c r="W420" s="213">
        <v>0.13904805761799427</v>
      </c>
      <c r="X420" s="89">
        <v>4.0663596214980634E-2</v>
      </c>
      <c r="Y420" s="213">
        <v>0.78692764651742209</v>
      </c>
      <c r="Z420" s="89">
        <v>4.7750445528993428E-2</v>
      </c>
      <c r="AA420" s="213">
        <v>0</v>
      </c>
      <c r="AB420" s="89">
        <v>9.459462348253421E-3</v>
      </c>
    </row>
    <row r="421" spans="1:28">
      <c r="A421" s="44" t="s">
        <v>537</v>
      </c>
      <c r="B421" s="210">
        <v>86</v>
      </c>
      <c r="C421" s="214">
        <v>5.0838522279760677E-2</v>
      </c>
      <c r="D421" s="92">
        <v>5.4073380991516491E-2</v>
      </c>
      <c r="E421" s="214">
        <v>9.7575516673020668E-2</v>
      </c>
      <c r="F421" s="92">
        <v>6.7372858157793855E-2</v>
      </c>
      <c r="G421" s="214">
        <v>0.85158596104721851</v>
      </c>
      <c r="H421" s="92">
        <v>7.8068611781348704E-2</v>
      </c>
      <c r="I421" s="214">
        <v>0</v>
      </c>
      <c r="J421" s="92">
        <v>3.1075817723560044E-2</v>
      </c>
      <c r="K421" s="210">
        <v>86</v>
      </c>
      <c r="L421" s="214">
        <v>0.1808713370466882</v>
      </c>
      <c r="M421" s="92">
        <v>8.3535340553662921E-2</v>
      </c>
      <c r="N421" s="214">
        <v>0.39669932741316194</v>
      </c>
      <c r="O421" s="92">
        <v>0.10333471577025129</v>
      </c>
      <c r="P421" s="214">
        <v>0.42242933554014989</v>
      </c>
      <c r="Q421" s="257">
        <v>0.10424453497091489</v>
      </c>
      <c r="R421" s="214">
        <v>0</v>
      </c>
      <c r="S421" s="92">
        <v>3.1075817723560044E-2</v>
      </c>
      <c r="T421" s="210">
        <v>87</v>
      </c>
      <c r="U421" s="214">
        <v>0.14510088960756798</v>
      </c>
      <c r="V421" s="92">
        <v>7.6997527333282162E-2</v>
      </c>
      <c r="W421" s="214">
        <v>0.28578369750312216</v>
      </c>
      <c r="X421" s="92">
        <v>9.5631361252709796E-2</v>
      </c>
      <c r="Y421" s="214">
        <v>0.56911541288930978</v>
      </c>
      <c r="Z421" s="92">
        <v>0.10390904323648759</v>
      </c>
      <c r="AA421" s="214">
        <v>0</v>
      </c>
      <c r="AB421" s="92">
        <v>3.0738162934200789E-2</v>
      </c>
    </row>
    <row r="422" spans="1:28">
      <c r="A422" s="40" t="s">
        <v>538</v>
      </c>
      <c r="B422" s="209">
        <v>90</v>
      </c>
      <c r="C422" s="213">
        <v>4.5260657670254466E-2</v>
      </c>
      <c r="D422" s="89">
        <v>5.0712645630939052E-2</v>
      </c>
      <c r="E422" s="213">
        <v>3.8042740258619367E-2</v>
      </c>
      <c r="F422" s="89">
        <v>4.8100581123812186E-2</v>
      </c>
      <c r="G422" s="213">
        <v>0.91669660207112647</v>
      </c>
      <c r="H422" s="89">
        <v>6.2168974615192343E-2</v>
      </c>
      <c r="I422" s="213">
        <v>0</v>
      </c>
      <c r="J422" s="89">
        <v>2.976782656907849E-2</v>
      </c>
      <c r="K422" s="209">
        <v>90</v>
      </c>
      <c r="L422" s="215">
        <v>6.2153784581999015E-2</v>
      </c>
      <c r="M422" s="89">
        <v>5.6213587821397175E-2</v>
      </c>
      <c r="N422" s="213">
        <v>0.19256651813733011</v>
      </c>
      <c r="O422" s="89">
        <v>8.3374920333254152E-2</v>
      </c>
      <c r="P422" s="213">
        <v>0.74527969728067078</v>
      </c>
      <c r="Q422" s="256">
        <v>9.1057407971587886E-2</v>
      </c>
      <c r="R422" s="213">
        <v>0</v>
      </c>
      <c r="S422" s="89">
        <v>2.976782656907849E-2</v>
      </c>
      <c r="T422" s="209">
        <v>89</v>
      </c>
      <c r="U422" s="213">
        <v>5.1476184038451514E-2</v>
      </c>
      <c r="V422" s="89">
        <v>5.3182375414780221E-2</v>
      </c>
      <c r="W422" s="213">
        <v>6.6524197207013511E-2</v>
      </c>
      <c r="X422" s="89">
        <v>5.7889280827607623E-2</v>
      </c>
      <c r="Y422" s="213">
        <v>0.88199961875453514</v>
      </c>
      <c r="Z422" s="89">
        <v>7.0743796558254246E-2</v>
      </c>
      <c r="AA422" s="213">
        <v>0</v>
      </c>
      <c r="AB422" s="89">
        <v>3.0084393934100805E-2</v>
      </c>
    </row>
    <row r="423" spans="1:28">
      <c r="A423" s="44" t="s">
        <v>539</v>
      </c>
      <c r="B423" s="210">
        <v>100</v>
      </c>
      <c r="C423" s="214">
        <v>7.1208133983523617E-2</v>
      </c>
      <c r="D423" s="92">
        <v>5.5473076017337516E-2</v>
      </c>
      <c r="E423" s="214">
        <v>9.7713972203991903E-2</v>
      </c>
      <c r="F423" s="92">
        <v>6.2133641728615636E-2</v>
      </c>
      <c r="G423" s="214">
        <v>0.81848196478961954</v>
      </c>
      <c r="H423" s="92">
        <v>7.7514653428013683E-2</v>
      </c>
      <c r="I423" s="214">
        <v>1.2595929022865309E-2</v>
      </c>
      <c r="J423" s="92">
        <v>3.4171458778675758E-2</v>
      </c>
      <c r="K423" s="210">
        <v>100</v>
      </c>
      <c r="L423" s="214">
        <v>0.15627089159487303</v>
      </c>
      <c r="M423" s="92">
        <v>7.3579878319465553E-2</v>
      </c>
      <c r="N423" s="214">
        <v>0.13080947895524261</v>
      </c>
      <c r="O423" s="92">
        <v>6.905445764221084E-2</v>
      </c>
      <c r="P423" s="214">
        <v>0.71291962944988485</v>
      </c>
      <c r="Q423" s="257">
        <v>8.9461091246086213E-2</v>
      </c>
      <c r="R423" s="214">
        <v>0</v>
      </c>
      <c r="S423" s="92">
        <v>2.693364120714959E-2</v>
      </c>
      <c r="T423" s="210">
        <v>99</v>
      </c>
      <c r="U423" s="214">
        <v>5.5757952337335458E-2</v>
      </c>
      <c r="V423" s="92">
        <v>5.1267279926763797E-2</v>
      </c>
      <c r="W423" s="214">
        <v>0.11013316485515383</v>
      </c>
      <c r="X423" s="92">
        <v>6.5234496646908668E-2</v>
      </c>
      <c r="Y423" s="214">
        <v>0.83410888280751072</v>
      </c>
      <c r="Z423" s="92">
        <v>7.5523569260519438E-2</v>
      </c>
      <c r="AA423" s="214">
        <v>0</v>
      </c>
      <c r="AB423" s="92">
        <v>2.7192544212657866E-2</v>
      </c>
    </row>
    <row r="424" spans="1:28">
      <c r="A424" s="40" t="s">
        <v>540</v>
      </c>
      <c r="B424" s="209">
        <v>114</v>
      </c>
      <c r="C424" s="213">
        <v>4.1888617267689214E-2</v>
      </c>
      <c r="D424" s="89">
        <v>4.283235392439097E-2</v>
      </c>
      <c r="E424" s="213">
        <v>6.2742275653989224E-2</v>
      </c>
      <c r="F424" s="89">
        <v>4.9248009048259413E-2</v>
      </c>
      <c r="G424" s="213">
        <v>0.8763534023839914</v>
      </c>
      <c r="H424" s="89">
        <v>6.3191448702712316E-2</v>
      </c>
      <c r="I424" s="213">
        <v>1.9015704694330254E-2</v>
      </c>
      <c r="J424" s="89">
        <v>3.3985408891816803E-2</v>
      </c>
      <c r="K424" s="209">
        <v>114</v>
      </c>
      <c r="L424" s="215">
        <v>0.13074395443346956</v>
      </c>
      <c r="M424" s="89">
        <v>6.4502624649254353E-2</v>
      </c>
      <c r="N424" s="213">
        <v>0.22965709863117834</v>
      </c>
      <c r="O424" s="89">
        <v>7.849984740749541E-2</v>
      </c>
      <c r="P424" s="213">
        <v>0.62239939665638455</v>
      </c>
      <c r="Q424" s="256">
        <v>8.9445916796269259E-2</v>
      </c>
      <c r="R424" s="213">
        <v>1.7199550278967749E-2</v>
      </c>
      <c r="S424" s="89">
        <v>3.3160632777400618E-2</v>
      </c>
      <c r="T424" s="209">
        <v>114</v>
      </c>
      <c r="U424" s="213">
        <v>2.2502602968832008E-2</v>
      </c>
      <c r="V424" s="89">
        <v>3.5507039235166474E-2</v>
      </c>
      <c r="W424" s="213">
        <v>5.6060787181311564E-2</v>
      </c>
      <c r="X424" s="89">
        <v>4.7318969046902783E-2</v>
      </c>
      <c r="Y424" s="213">
        <v>0.90932334139380799</v>
      </c>
      <c r="Z424" s="89">
        <v>5.6334623711502059E-2</v>
      </c>
      <c r="AA424" s="213">
        <v>1.2113268456048397E-2</v>
      </c>
      <c r="AB424" s="89">
        <v>3.0715135112245183E-2</v>
      </c>
    </row>
    <row r="425" spans="1:28">
      <c r="A425" s="44" t="s">
        <v>541</v>
      </c>
      <c r="B425" s="210">
        <v>113</v>
      </c>
      <c r="C425" s="214">
        <v>0.10153408965345646</v>
      </c>
      <c r="D425" s="92">
        <v>5.9022161382453045E-2</v>
      </c>
      <c r="E425" s="214">
        <v>0.12144636460535377</v>
      </c>
      <c r="F425" s="92">
        <v>6.306370011150364E-2</v>
      </c>
      <c r="G425" s="214">
        <v>0.77648574248092428</v>
      </c>
      <c r="H425" s="92">
        <v>7.8161185539646905E-2</v>
      </c>
      <c r="I425" s="214">
        <v>5.3380326026593978E-4</v>
      </c>
      <c r="J425" s="92">
        <v>2.4319436629624998E-2</v>
      </c>
      <c r="K425" s="210">
        <v>111</v>
      </c>
      <c r="L425" s="214">
        <v>0.17432657072876201</v>
      </c>
      <c r="M425" s="92">
        <v>7.2516698505334209E-2</v>
      </c>
      <c r="N425" s="214">
        <v>0.16925503768686309</v>
      </c>
      <c r="O425" s="92">
        <v>7.1769030061655262E-2</v>
      </c>
      <c r="P425" s="214">
        <v>0.65587382331283439</v>
      </c>
      <c r="Q425" s="257">
        <v>8.892872730933897E-2</v>
      </c>
      <c r="R425" s="214">
        <v>5.4456827154043916E-4</v>
      </c>
      <c r="S425" s="92">
        <v>2.4739276776688513E-2</v>
      </c>
      <c r="T425" s="210">
        <v>112</v>
      </c>
      <c r="U425" s="214">
        <v>6.4095456353688504E-2</v>
      </c>
      <c r="V425" s="92">
        <v>5.0125917711821323E-2</v>
      </c>
      <c r="W425" s="214">
        <v>7.5143951309304693E-2</v>
      </c>
      <c r="X425" s="92">
        <v>5.3087815582206495E-2</v>
      </c>
      <c r="Y425" s="214">
        <v>0.86022641912749731</v>
      </c>
      <c r="Z425" s="92">
        <v>6.6703618329838787E-2</v>
      </c>
      <c r="AA425" s="214">
        <v>5.3417320950978407E-4</v>
      </c>
      <c r="AB425" s="92">
        <v>2.4524313755639161E-2</v>
      </c>
    </row>
    <row r="426" spans="1:28" ht="32.25" customHeight="1">
      <c r="A426" s="40" t="s">
        <v>542</v>
      </c>
      <c r="B426" s="209">
        <v>172</v>
      </c>
      <c r="C426" s="213">
        <v>0.11220468578464475</v>
      </c>
      <c r="D426" s="89">
        <v>4.9168727850982918E-2</v>
      </c>
      <c r="E426" s="213">
        <v>0.13833078431141049</v>
      </c>
      <c r="F426" s="89">
        <v>5.3315842492401011E-2</v>
      </c>
      <c r="G426" s="213">
        <v>0.7363481338252007</v>
      </c>
      <c r="H426" s="89">
        <v>6.6852928308352405E-2</v>
      </c>
      <c r="I426" s="213">
        <v>1.3116396078744229E-2</v>
      </c>
      <c r="J426" s="89">
        <v>2.3158135557775773E-2</v>
      </c>
      <c r="K426" s="209">
        <v>172</v>
      </c>
      <c r="L426" s="215">
        <v>0.29598287527836842</v>
      </c>
      <c r="M426" s="89">
        <v>6.9125621369257539E-2</v>
      </c>
      <c r="N426" s="213">
        <v>0.19118143488500405</v>
      </c>
      <c r="O426" s="89">
        <v>6.0097795928739137E-2</v>
      </c>
      <c r="P426" s="213">
        <v>0.49195269693543253</v>
      </c>
      <c r="Q426" s="256">
        <v>7.5368511488897547E-2</v>
      </c>
      <c r="R426" s="213">
        <v>2.0882992901194483E-2</v>
      </c>
      <c r="S426" s="89">
        <v>2.6441425316784544E-2</v>
      </c>
      <c r="T426" s="209">
        <v>172</v>
      </c>
      <c r="U426" s="213">
        <v>8.7057475110183732E-2</v>
      </c>
      <c r="V426" s="89">
        <v>4.4502648138820856E-2</v>
      </c>
      <c r="W426" s="213">
        <v>9.9828743048881841E-2</v>
      </c>
      <c r="X426" s="89">
        <v>4.6966914329261138E-2</v>
      </c>
      <c r="Y426" s="213">
        <v>0.79913741701932306</v>
      </c>
      <c r="Z426" s="89">
        <v>6.1151451889730507E-2</v>
      </c>
      <c r="AA426" s="213">
        <v>1.3976364821611374E-2</v>
      </c>
      <c r="AB426" s="89">
        <v>2.3546973461131476E-2</v>
      </c>
    </row>
    <row r="427" spans="1:28">
      <c r="A427" s="44" t="s">
        <v>547</v>
      </c>
      <c r="B427" s="210">
        <v>71</v>
      </c>
      <c r="C427" s="214">
        <v>0.10450304309825677</v>
      </c>
      <c r="D427" s="92">
        <v>7.6532103983786182E-2</v>
      </c>
      <c r="E427" s="214">
        <v>0.14202279176117591</v>
      </c>
      <c r="F427" s="92">
        <v>8.4902106910580158E-2</v>
      </c>
      <c r="G427" s="214">
        <v>0.740102026566822</v>
      </c>
      <c r="H427" s="92">
        <v>0.10284908358150999</v>
      </c>
      <c r="I427" s="214">
        <v>1.3372138573745262E-2</v>
      </c>
      <c r="J427" s="92">
        <v>4.4887485871746936E-2</v>
      </c>
      <c r="K427" s="210">
        <v>71</v>
      </c>
      <c r="L427" s="214">
        <v>0.17949354615548607</v>
      </c>
      <c r="M427" s="92">
        <v>9.1779645433818002E-2</v>
      </c>
      <c r="N427" s="214">
        <v>0.21378480597594265</v>
      </c>
      <c r="O427" s="92">
        <v>9.7045938149110958E-2</v>
      </c>
      <c r="P427" s="214">
        <v>0.59334950929482611</v>
      </c>
      <c r="Q427" s="257">
        <v>0.11365223905644609</v>
      </c>
      <c r="R427" s="214">
        <v>1.3372138573745262E-2</v>
      </c>
      <c r="S427" s="92">
        <v>4.4887485871746936E-2</v>
      </c>
      <c r="T427" s="210">
        <v>71</v>
      </c>
      <c r="U427" s="214">
        <v>0.10107198715950648</v>
      </c>
      <c r="V427" s="92">
        <v>7.5676179806116572E-2</v>
      </c>
      <c r="W427" s="214">
        <v>9.200330693013635E-2</v>
      </c>
      <c r="X427" s="92">
        <v>7.3328877689705876E-2</v>
      </c>
      <c r="Y427" s="214">
        <v>0.79355256733661184</v>
      </c>
      <c r="Z427" s="92">
        <v>9.5992659153853382E-2</v>
      </c>
      <c r="AA427" s="214">
        <v>1.3372138573745262E-2</v>
      </c>
      <c r="AB427" s="92">
        <v>4.4887485871746936E-2</v>
      </c>
    </row>
    <row r="428" spans="1:28">
      <c r="A428" s="52" t="s">
        <v>548</v>
      </c>
      <c r="B428" s="209">
        <v>123</v>
      </c>
      <c r="C428" s="213">
        <v>3.4427058577834728E-2</v>
      </c>
      <c r="D428" s="89">
        <v>3.8344016461099244E-2</v>
      </c>
      <c r="E428" s="213">
        <v>7.4359145097000021E-2</v>
      </c>
      <c r="F428" s="89">
        <v>5.0216047759346204E-2</v>
      </c>
      <c r="G428" s="213">
        <v>0.8912137963251654</v>
      </c>
      <c r="H428" s="89">
        <v>5.7900478035873636E-2</v>
      </c>
      <c r="I428" s="213">
        <v>0</v>
      </c>
      <c r="J428" s="89">
        <v>2.2095020994736762E-2</v>
      </c>
      <c r="K428" s="209">
        <v>124</v>
      </c>
      <c r="L428" s="215">
        <v>6.0197802004631776E-2</v>
      </c>
      <c r="M428" s="89">
        <v>4.6258194348889871E-2</v>
      </c>
      <c r="N428" s="213">
        <v>7.5625290925380423E-2</v>
      </c>
      <c r="O428" s="89">
        <v>5.0307212986543046E-2</v>
      </c>
      <c r="P428" s="213">
        <v>0.86417690706998773</v>
      </c>
      <c r="Q428" s="256">
        <v>6.2633536134605108E-2</v>
      </c>
      <c r="R428" s="213">
        <v>0</v>
      </c>
      <c r="S428" s="89">
        <v>2.1923773750628563E-2</v>
      </c>
      <c r="T428" s="209">
        <v>124</v>
      </c>
      <c r="U428" s="213">
        <v>1.3946971637281258E-2</v>
      </c>
      <c r="V428" s="89">
        <v>2.9731724835236742E-2</v>
      </c>
      <c r="W428" s="213">
        <v>7.8372562721927441E-2</v>
      </c>
      <c r="X428" s="89">
        <v>5.0980175959420386E-2</v>
      </c>
      <c r="Y428" s="213">
        <v>0.90768046564079119</v>
      </c>
      <c r="Z428" s="89">
        <v>5.4205062059855529E-2</v>
      </c>
      <c r="AA428" s="213">
        <v>0</v>
      </c>
      <c r="AB428" s="89">
        <v>2.1923773750628563E-2</v>
      </c>
    </row>
    <row r="429" spans="1:28">
      <c r="A429" s="44" t="s">
        <v>549</v>
      </c>
      <c r="B429" s="210">
        <v>99</v>
      </c>
      <c r="C429" s="214">
        <v>8.3576954224480693E-2</v>
      </c>
      <c r="D429" s="92">
        <v>5.9053674862044297E-2</v>
      </c>
      <c r="E429" s="214">
        <v>9.3477424854206209E-2</v>
      </c>
      <c r="F429" s="92">
        <v>6.1478840821931738E-2</v>
      </c>
      <c r="G429" s="214">
        <v>0.82294562092131363</v>
      </c>
      <c r="H429" s="92">
        <v>7.7246127834544556E-2</v>
      </c>
      <c r="I429" s="214">
        <v>0</v>
      </c>
      <c r="J429" s="92">
        <v>2.7192544212657866E-2</v>
      </c>
      <c r="K429" s="210">
        <v>101</v>
      </c>
      <c r="L429" s="214">
        <v>0.18293422597712838</v>
      </c>
      <c r="M429" s="92">
        <v>7.733240122571694E-2</v>
      </c>
      <c r="N429" s="214">
        <v>0.12227466610176574</v>
      </c>
      <c r="O429" s="92">
        <v>6.7042871387080025E-2</v>
      </c>
      <c r="P429" s="214">
        <v>0.6773628516663891</v>
      </c>
      <c r="Q429" s="257">
        <v>9.1733264301814957E-2</v>
      </c>
      <c r="R429" s="214">
        <v>1.7428256254717611E-2</v>
      </c>
      <c r="S429" s="92">
        <v>3.6268546814116287E-2</v>
      </c>
      <c r="T429" s="210">
        <v>101</v>
      </c>
      <c r="U429" s="214">
        <v>5.6095579512898681E-2</v>
      </c>
      <c r="V429" s="92">
        <v>5.0775440386872844E-2</v>
      </c>
      <c r="W429" s="214">
        <v>8.4616441763246217E-2</v>
      </c>
      <c r="X429" s="92">
        <v>5.8668485169995628E-2</v>
      </c>
      <c r="Y429" s="214">
        <v>0.85928797872385543</v>
      </c>
      <c r="Z429" s="92">
        <v>7.0524585339337059E-2</v>
      </c>
      <c r="AA429" s="214">
        <v>0</v>
      </c>
      <c r="AB429" s="92">
        <v>2.6679621084077194E-2</v>
      </c>
    </row>
    <row r="430" spans="1:28">
      <c r="A430" s="52" t="s">
        <v>550</v>
      </c>
      <c r="B430" s="209">
        <v>131</v>
      </c>
      <c r="C430" s="213">
        <v>0.1163105008398823</v>
      </c>
      <c r="D430" s="89">
        <v>5.7446176156784261E-2</v>
      </c>
      <c r="E430" s="213">
        <v>9.2540695828592229E-2</v>
      </c>
      <c r="F430" s="89">
        <v>5.2682013602665875E-2</v>
      </c>
      <c r="G430" s="213">
        <v>0.77673611569168044</v>
      </c>
      <c r="H430" s="89">
        <v>7.2599996658415947E-2</v>
      </c>
      <c r="I430" s="213">
        <v>1.441268763984504E-2</v>
      </c>
      <c r="J430" s="89">
        <v>2.8788368726324863E-2</v>
      </c>
      <c r="K430" s="209">
        <v>132</v>
      </c>
      <c r="L430" s="215">
        <v>0.14244171682063123</v>
      </c>
      <c r="M430" s="89">
        <v>6.1730425634341446E-2</v>
      </c>
      <c r="N430" s="213">
        <v>0.17673109028832251</v>
      </c>
      <c r="O430" s="89">
        <v>6.6764298865246707E-2</v>
      </c>
      <c r="P430" s="213">
        <v>0.65761073419457661</v>
      </c>
      <c r="Q430" s="256">
        <v>8.1637399756378529E-2</v>
      </c>
      <c r="R430" s="213">
        <v>2.3216458696470064E-2</v>
      </c>
      <c r="S430" s="89">
        <v>3.2472940485618794E-2</v>
      </c>
      <c r="T430" s="209">
        <v>131</v>
      </c>
      <c r="U430" s="213">
        <v>9.644923716019721E-2</v>
      </c>
      <c r="V430" s="89">
        <v>5.3514794524582084E-2</v>
      </c>
      <c r="W430" s="213">
        <v>9.0154346021445231E-2</v>
      </c>
      <c r="X430" s="89">
        <v>5.2163008412050439E-2</v>
      </c>
      <c r="Y430" s="213">
        <v>0.79824113441201772</v>
      </c>
      <c r="Z430" s="89">
        <v>7.0183910022444174E-2</v>
      </c>
      <c r="AA430" s="213">
        <v>1.5155282406339867E-2</v>
      </c>
      <c r="AB430" s="89">
        <v>2.9135473766358777E-2</v>
      </c>
    </row>
    <row r="431" spans="1:28">
      <c r="A431" s="44" t="s">
        <v>551</v>
      </c>
      <c r="B431" s="210">
        <v>123</v>
      </c>
      <c r="C431" s="214">
        <v>4.5723022363277827E-2</v>
      </c>
      <c r="D431" s="92">
        <v>4.2157276828017225E-2</v>
      </c>
      <c r="E431" s="214">
        <v>6.2847094345341609E-2</v>
      </c>
      <c r="F431" s="92">
        <v>4.7203938803908684E-2</v>
      </c>
      <c r="G431" s="214">
        <v>0.87485026471873739</v>
      </c>
      <c r="H431" s="92">
        <v>6.1014800105534374E-2</v>
      </c>
      <c r="I431" s="214">
        <v>1.6579618572643354E-2</v>
      </c>
      <c r="J431" s="92">
        <v>3.1142987603167596E-2</v>
      </c>
      <c r="K431" s="210">
        <v>122</v>
      </c>
      <c r="L431" s="214">
        <v>9.7977260383734888E-2</v>
      </c>
      <c r="M431" s="92">
        <v>5.5912790499951695E-2</v>
      </c>
      <c r="N431" s="214">
        <v>0.14436124791294433</v>
      </c>
      <c r="O431" s="92">
        <v>6.4592500171435349E-2</v>
      </c>
      <c r="P431" s="214">
        <v>0.74084885742594753</v>
      </c>
      <c r="Q431" s="257">
        <v>7.88038402853901E-2</v>
      </c>
      <c r="R431" s="214">
        <v>1.6812634277372993E-2</v>
      </c>
      <c r="S431" s="92">
        <v>3.1430533149954698E-2</v>
      </c>
      <c r="T431" s="210">
        <v>122</v>
      </c>
      <c r="U431" s="214">
        <v>2.6933623551266078E-2</v>
      </c>
      <c r="V431" s="92">
        <v>3.5720105360004049E-2</v>
      </c>
      <c r="W431" s="214">
        <v>0.10130646292378855</v>
      </c>
      <c r="X431" s="92">
        <v>5.6617834402199183E-2</v>
      </c>
      <c r="Y431" s="214">
        <v>0.85504585656608623</v>
      </c>
      <c r="Z431" s="92">
        <v>6.4689503139671353E-2</v>
      </c>
      <c r="AA431" s="214">
        <v>1.6714056958859254E-2</v>
      </c>
      <c r="AB431" s="92">
        <v>3.1385392779756313E-2</v>
      </c>
    </row>
    <row r="432" spans="1:28">
      <c r="A432" s="52" t="s">
        <v>543</v>
      </c>
      <c r="B432" s="209">
        <v>168</v>
      </c>
      <c r="C432" s="213">
        <v>3.6141017265942085E-2</v>
      </c>
      <c r="D432" s="89">
        <v>3.2251251071275758E-2</v>
      </c>
      <c r="E432" s="213">
        <v>5.1552314810294771E-2</v>
      </c>
      <c r="F432" s="89">
        <v>3.6770705410322048E-2</v>
      </c>
      <c r="G432" s="213">
        <v>0.91230666792376269</v>
      </c>
      <c r="H432" s="89">
        <v>4.5191607345086884E-2</v>
      </c>
      <c r="I432" s="213">
        <v>0</v>
      </c>
      <c r="J432" s="89">
        <v>1.6348457544826219E-2</v>
      </c>
      <c r="K432" s="209">
        <v>169</v>
      </c>
      <c r="L432" s="215">
        <v>5.898409391361966E-2</v>
      </c>
      <c r="M432" s="89">
        <v>3.8586284549411078E-2</v>
      </c>
      <c r="N432" s="213">
        <v>9.3443950167678744E-2</v>
      </c>
      <c r="O432" s="89">
        <v>4.6188150818987556E-2</v>
      </c>
      <c r="P432" s="213">
        <v>0.84037516443566873</v>
      </c>
      <c r="Q432" s="256">
        <v>5.6780742422985378E-2</v>
      </c>
      <c r="R432" s="213">
        <v>7.1967914830325143E-3</v>
      </c>
      <c r="S432" s="89">
        <v>2.0539237434916736E-2</v>
      </c>
      <c r="T432" s="209">
        <v>167</v>
      </c>
      <c r="U432" s="213">
        <v>2.3692351509385725E-2</v>
      </c>
      <c r="V432" s="89">
        <v>2.8043675121806867E-2</v>
      </c>
      <c r="W432" s="213">
        <v>3.9303872422232808E-2</v>
      </c>
      <c r="X432" s="89">
        <v>3.3358707731991601E-2</v>
      </c>
      <c r="Y432" s="213">
        <v>0.93293269762636755</v>
      </c>
      <c r="Z432" s="89">
        <v>4.082064901451208E-2</v>
      </c>
      <c r="AA432" s="213">
        <v>4.0710784420136484E-3</v>
      </c>
      <c r="AB432" s="89">
        <v>1.8995937433235327E-2</v>
      </c>
    </row>
    <row r="433" spans="1:28">
      <c r="A433" s="44" t="s">
        <v>544</v>
      </c>
      <c r="B433" s="210">
        <v>49</v>
      </c>
      <c r="C433" s="214">
        <v>0</v>
      </c>
      <c r="D433" s="92">
        <v>5.2349950714565462E-2</v>
      </c>
      <c r="E433" s="214">
        <v>2.1183075323530174E-2</v>
      </c>
      <c r="F433" s="92">
        <v>6.3859867924184757E-2</v>
      </c>
      <c r="G433" s="214">
        <v>0.97881692467646997</v>
      </c>
      <c r="H433" s="92">
        <v>6.3859867924184702E-2</v>
      </c>
      <c r="I433" s="214">
        <v>0</v>
      </c>
      <c r="J433" s="92">
        <v>5.2349950714565462E-2</v>
      </c>
      <c r="K433" s="210">
        <v>49</v>
      </c>
      <c r="L433" s="214">
        <v>2.1183075323530174E-2</v>
      </c>
      <c r="M433" s="92">
        <v>6.3859867924184757E-2</v>
      </c>
      <c r="N433" s="214">
        <v>0.10592191646122695</v>
      </c>
      <c r="O433" s="92">
        <v>9.4073046827136492E-2</v>
      </c>
      <c r="P433" s="214">
        <v>0.87289500821524302</v>
      </c>
      <c r="Q433" s="257">
        <v>9.948776971143912E-2</v>
      </c>
      <c r="R433" s="214">
        <v>0</v>
      </c>
      <c r="S433" s="92">
        <v>5.2349950714565462E-2</v>
      </c>
      <c r="T433" s="210">
        <v>49</v>
      </c>
      <c r="U433" s="214">
        <v>0</v>
      </c>
      <c r="V433" s="92">
        <v>5.2349950714565462E-2</v>
      </c>
      <c r="W433" s="214">
        <v>4.4743306093323429E-2</v>
      </c>
      <c r="X433" s="92">
        <v>7.4146783388207738E-2</v>
      </c>
      <c r="Y433" s="214">
        <v>0.94158344994809784</v>
      </c>
      <c r="Z433" s="92">
        <v>7.9302008925090581E-2</v>
      </c>
      <c r="AA433" s="214">
        <v>1.3673243958578874E-2</v>
      </c>
      <c r="AB433" s="92">
        <v>6.0087541687574651E-2</v>
      </c>
    </row>
    <row r="434" spans="1:28">
      <c r="A434" s="52" t="s">
        <v>552</v>
      </c>
      <c r="B434" s="209">
        <v>119</v>
      </c>
      <c r="C434" s="213">
        <v>5.1364664312253921E-2</v>
      </c>
      <c r="D434" s="89">
        <v>4.4759318170475064E-2</v>
      </c>
      <c r="E434" s="213">
        <v>6.4344721277699427E-2</v>
      </c>
      <c r="F434" s="89">
        <v>4.8505528966256671E-2</v>
      </c>
      <c r="G434" s="213">
        <v>0.88429061441004631</v>
      </c>
      <c r="H434" s="89">
        <v>6.0289194236981009E-2</v>
      </c>
      <c r="I434" s="213">
        <v>0</v>
      </c>
      <c r="J434" s="89">
        <v>2.2807622255924295E-2</v>
      </c>
      <c r="K434" s="209">
        <v>120</v>
      </c>
      <c r="L434" s="215">
        <v>7.4750511834645261E-2</v>
      </c>
      <c r="M434" s="89">
        <v>5.1003354809191395E-2</v>
      </c>
      <c r="N434" s="213">
        <v>8.8239518151655552E-2</v>
      </c>
      <c r="O434" s="89">
        <v>5.4244183467040512E-2</v>
      </c>
      <c r="P434" s="213">
        <v>0.82681147046976977</v>
      </c>
      <c r="Q434" s="256">
        <v>6.9554762664487263E-2</v>
      </c>
      <c r="R434" s="213">
        <v>1.0198499543928968E-2</v>
      </c>
      <c r="S434" s="89">
        <v>2.8580742134911168E-2</v>
      </c>
      <c r="T434" s="209">
        <v>118</v>
      </c>
      <c r="U434" s="213">
        <v>3.3737317023057906E-2</v>
      </c>
      <c r="V434" s="89">
        <v>3.9096855319435117E-2</v>
      </c>
      <c r="W434" s="213">
        <v>3.6997688351885612E-2</v>
      </c>
      <c r="X434" s="89">
        <v>4.0267767171737627E-2</v>
      </c>
      <c r="Y434" s="213">
        <v>0.92926499462505641</v>
      </c>
      <c r="Z434" s="89">
        <v>5.0446093819749106E-2</v>
      </c>
      <c r="AA434" s="213">
        <v>0</v>
      </c>
      <c r="AB434" s="89">
        <v>2.2993012239943496E-2</v>
      </c>
    </row>
    <row r="435" spans="1:28">
      <c r="A435" s="44" t="s">
        <v>545</v>
      </c>
      <c r="B435" s="210">
        <v>189</v>
      </c>
      <c r="C435" s="214">
        <v>4.0498024313792735E-2</v>
      </c>
      <c r="D435" s="92">
        <v>3.1382395888084391E-2</v>
      </c>
      <c r="E435" s="214">
        <v>8.9933757038105869E-2</v>
      </c>
      <c r="F435" s="92">
        <v>4.2886420544228893E-2</v>
      </c>
      <c r="G435" s="214">
        <v>0.86915404752181391</v>
      </c>
      <c r="H435" s="92">
        <v>4.9727849225275469E-2</v>
      </c>
      <c r="I435" s="214">
        <v>4.1417112628711473E-4</v>
      </c>
      <c r="J435" s="92">
        <v>1.4858451778363766E-2</v>
      </c>
      <c r="K435" s="210">
        <v>188</v>
      </c>
      <c r="L435" s="214">
        <v>0.1680780908819299</v>
      </c>
      <c r="M435" s="92">
        <v>5.484267933498263E-2</v>
      </c>
      <c r="N435" s="214">
        <v>0.18658731917402874</v>
      </c>
      <c r="O435" s="92">
        <v>5.6976360391196017E-2</v>
      </c>
      <c r="P435" s="214">
        <v>0.64533458994404058</v>
      </c>
      <c r="Q435" s="257">
        <v>6.918405082671486E-2</v>
      </c>
      <c r="R435" s="214">
        <v>0</v>
      </c>
      <c r="S435" s="92">
        <v>1.4654464423727545E-2</v>
      </c>
      <c r="T435" s="210">
        <v>188</v>
      </c>
      <c r="U435" s="214">
        <v>8.0192960673843017E-2</v>
      </c>
      <c r="V435" s="92">
        <v>4.1086495524207921E-2</v>
      </c>
      <c r="W435" s="214">
        <v>9.6379464271265189E-2</v>
      </c>
      <c r="X435" s="92">
        <v>4.4207760735303893E-2</v>
      </c>
      <c r="Y435" s="214">
        <v>0.82301146375992873</v>
      </c>
      <c r="Z435" s="92">
        <v>5.5895300119154931E-2</v>
      </c>
      <c r="AA435" s="214">
        <v>4.1611129496262826E-4</v>
      </c>
      <c r="AB435" s="92">
        <v>1.4935240513342355E-2</v>
      </c>
    </row>
  </sheetData>
  <mergeCells count="59">
    <mergeCell ref="AL353:AT353"/>
    <mergeCell ref="A352:AT352"/>
    <mergeCell ref="A351:AT351"/>
    <mergeCell ref="B353:J353"/>
    <mergeCell ref="X34:AH34"/>
    <mergeCell ref="AI34:AS34"/>
    <mergeCell ref="B34:L34"/>
    <mergeCell ref="AT34:BD34"/>
    <mergeCell ref="B92:L92"/>
    <mergeCell ref="A91:W91"/>
    <mergeCell ref="A61:D61"/>
    <mergeCell ref="A62:D62"/>
    <mergeCell ref="A63:D63"/>
    <mergeCell ref="B237:J237"/>
    <mergeCell ref="K237:S237"/>
    <mergeCell ref="A236:S236"/>
    <mergeCell ref="A235:S235"/>
    <mergeCell ref="A410:AB410"/>
    <mergeCell ref="A409:AB409"/>
    <mergeCell ref="X150:AH150"/>
    <mergeCell ref="A206:D206"/>
    <mergeCell ref="A178:L178"/>
    <mergeCell ref="B150:L150"/>
    <mergeCell ref="M150:W150"/>
    <mergeCell ref="B179:L179"/>
    <mergeCell ref="AC353:AK353"/>
    <mergeCell ref="A207:D207"/>
    <mergeCell ref="A208:D208"/>
    <mergeCell ref="A323:D323"/>
    <mergeCell ref="K295:S295"/>
    <mergeCell ref="A264:D264"/>
    <mergeCell ref="A265:D265"/>
    <mergeCell ref="A3:D3"/>
    <mergeCell ref="A4:D4"/>
    <mergeCell ref="A5:D5"/>
    <mergeCell ref="A32:BD32"/>
    <mergeCell ref="A149:AH149"/>
    <mergeCell ref="A148:AH148"/>
    <mergeCell ref="A119:D119"/>
    <mergeCell ref="A120:D120"/>
    <mergeCell ref="A121:D121"/>
    <mergeCell ref="M34:W34"/>
    <mergeCell ref="A33:BD33"/>
    <mergeCell ref="A90:W90"/>
    <mergeCell ref="M92:W92"/>
    <mergeCell ref="K411:S411"/>
    <mergeCell ref="B411:J411"/>
    <mergeCell ref="A380:D380"/>
    <mergeCell ref="T411:AB411"/>
    <mergeCell ref="A294:S294"/>
    <mergeCell ref="A381:D381"/>
    <mergeCell ref="A382:D382"/>
    <mergeCell ref="K353:S353"/>
    <mergeCell ref="T353:AB353"/>
    <mergeCell ref="A293:S293"/>
    <mergeCell ref="A266:D266"/>
    <mergeCell ref="B295:J295"/>
    <mergeCell ref="A324:D324"/>
    <mergeCell ref="A322:D322"/>
  </mergeCells>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CA58"/>
  <sheetViews>
    <sheetView zoomScaleNormal="100" workbookViewId="0"/>
  </sheetViews>
  <sheetFormatPr defaultColWidth="21.28515625" defaultRowHeight="15"/>
  <cols>
    <col min="1" max="1" width="59.5703125" customWidth="1"/>
  </cols>
  <sheetData>
    <row r="1" spans="1:4" ht="31.5">
      <c r="A1" s="30" t="s">
        <v>52</v>
      </c>
    </row>
    <row r="3" spans="1:4" ht="18.75">
      <c r="A3" s="421" t="s">
        <v>17</v>
      </c>
      <c r="B3" s="421"/>
      <c r="C3" s="421"/>
      <c r="D3" s="421"/>
    </row>
    <row r="4" spans="1:4" ht="159" customHeight="1">
      <c r="A4" s="416" t="s">
        <v>436</v>
      </c>
      <c r="B4" s="416"/>
      <c r="C4" s="416"/>
      <c r="D4" s="416"/>
    </row>
    <row r="5" spans="1:4" ht="36.75" customHeight="1">
      <c r="A5" s="404" t="s">
        <v>149</v>
      </c>
      <c r="B5" s="404"/>
      <c r="C5" s="404"/>
      <c r="D5" s="404"/>
    </row>
    <row r="6" spans="1:4" ht="72">
      <c r="A6" s="32" t="s">
        <v>71</v>
      </c>
      <c r="B6" s="33" t="s">
        <v>72</v>
      </c>
      <c r="C6" s="34" t="s">
        <v>588</v>
      </c>
      <c r="D6" s="35" t="s">
        <v>73</v>
      </c>
    </row>
    <row r="7" spans="1:4" ht="60">
      <c r="A7" s="36"/>
      <c r="B7" s="37" t="s">
        <v>74</v>
      </c>
      <c r="C7" s="123" t="s">
        <v>150</v>
      </c>
      <c r="D7" s="39" t="s">
        <v>76</v>
      </c>
    </row>
    <row r="8" spans="1:4">
      <c r="A8" s="40" t="s">
        <v>350</v>
      </c>
      <c r="B8" s="216">
        <v>4275</v>
      </c>
      <c r="C8" s="79">
        <v>4.2385792530181288</v>
      </c>
      <c r="D8" s="80">
        <v>4.3532973073410114E-2</v>
      </c>
    </row>
    <row r="9" spans="1:4">
      <c r="A9" s="44" t="s">
        <v>351</v>
      </c>
      <c r="B9" s="44">
        <v>3994</v>
      </c>
      <c r="C9" s="218">
        <v>4.055070682855435</v>
      </c>
      <c r="D9" s="219">
        <v>4.4276035278054293E-2</v>
      </c>
    </row>
    <row r="10" spans="1:4">
      <c r="A10" s="40" t="s">
        <v>352</v>
      </c>
      <c r="B10" s="48">
        <v>281</v>
      </c>
      <c r="C10" s="79">
        <v>4.8525911245161026</v>
      </c>
      <c r="D10" s="80">
        <v>0.19225820332976956</v>
      </c>
    </row>
    <row r="11" spans="1:4">
      <c r="A11" s="44" t="s">
        <v>534</v>
      </c>
      <c r="B11" s="44">
        <v>478</v>
      </c>
      <c r="C11" s="218">
        <v>4.1878525432635358</v>
      </c>
      <c r="D11" s="219">
        <v>0.12301049928428506</v>
      </c>
    </row>
    <row r="12" spans="1:4">
      <c r="A12" s="40" t="s">
        <v>535</v>
      </c>
      <c r="B12" s="48">
        <v>459</v>
      </c>
      <c r="C12" s="79">
        <v>4.1463675042837576</v>
      </c>
      <c r="D12" s="80">
        <v>0.12355952184216</v>
      </c>
    </row>
    <row r="13" spans="1:4">
      <c r="A13" s="44" t="s">
        <v>546</v>
      </c>
      <c r="B13" s="44">
        <v>20</v>
      </c>
      <c r="C13" s="218">
        <v>4.7672568296252829</v>
      </c>
      <c r="D13" s="219">
        <v>0.73912497417408962</v>
      </c>
    </row>
    <row r="14" spans="1:4">
      <c r="A14" s="40" t="s">
        <v>536</v>
      </c>
      <c r="B14" s="48">
        <v>128</v>
      </c>
      <c r="C14" s="79">
        <v>3.6918938690568868</v>
      </c>
      <c r="D14" s="80">
        <v>0.24345407080491732</v>
      </c>
    </row>
    <row r="15" spans="1:4">
      <c r="A15" s="44" t="s">
        <v>537</v>
      </c>
      <c r="B15" s="44">
        <v>42</v>
      </c>
      <c r="C15" s="218">
        <v>3.2980513565818361</v>
      </c>
      <c r="D15" s="219">
        <v>0.41292180665592054</v>
      </c>
    </row>
    <row r="16" spans="1:4">
      <c r="A16" s="40" t="s">
        <v>538</v>
      </c>
      <c r="B16" s="48">
        <v>37</v>
      </c>
      <c r="C16" s="79">
        <v>3.3004377837967094</v>
      </c>
      <c r="D16" s="80">
        <v>0.41280870841039258</v>
      </c>
    </row>
    <row r="17" spans="1:79">
      <c r="A17" s="44" t="s">
        <v>539</v>
      </c>
      <c r="B17" s="44">
        <v>39</v>
      </c>
      <c r="C17" s="218">
        <v>4.2255968388342149</v>
      </c>
      <c r="D17" s="219">
        <v>0.43341547032315675</v>
      </c>
    </row>
    <row r="18" spans="1:79">
      <c r="A18" s="40" t="s">
        <v>540</v>
      </c>
      <c r="B18" s="216">
        <v>51</v>
      </c>
      <c r="C18" s="79">
        <v>4.1476601343407333</v>
      </c>
      <c r="D18" s="80">
        <v>0.30883832985851722</v>
      </c>
    </row>
    <row r="19" spans="1:79">
      <c r="A19" s="44" t="s">
        <v>541</v>
      </c>
      <c r="B19" s="217">
        <v>37</v>
      </c>
      <c r="C19" s="218">
        <v>4.2035059500292249</v>
      </c>
      <c r="D19" s="219">
        <v>0.42345698684652422</v>
      </c>
    </row>
    <row r="20" spans="1:79">
      <c r="A20" s="40" t="s">
        <v>542</v>
      </c>
      <c r="B20" s="78">
        <v>70</v>
      </c>
      <c r="C20" s="79">
        <v>3.7786802725102615</v>
      </c>
      <c r="D20" s="80">
        <v>0.31434324002085706</v>
      </c>
    </row>
    <row r="21" spans="1:79">
      <c r="A21" s="44" t="s">
        <v>547</v>
      </c>
      <c r="B21" s="217">
        <v>25</v>
      </c>
      <c r="C21" s="218">
        <v>3.6102035644820019</v>
      </c>
      <c r="D21" s="219">
        <v>0.61578774840760619</v>
      </c>
    </row>
    <row r="22" spans="1:79">
      <c r="A22" s="52" t="s">
        <v>548</v>
      </c>
      <c r="B22" s="216">
        <v>21</v>
      </c>
      <c r="C22" s="79">
        <v>4.8352629624287902</v>
      </c>
      <c r="D22" s="80">
        <v>0.70400540445167048</v>
      </c>
    </row>
    <row r="23" spans="1:79">
      <c r="A23" s="44" t="s">
        <v>549</v>
      </c>
      <c r="B23" s="217">
        <v>19</v>
      </c>
      <c r="C23" s="218">
        <v>4.3593081420768822</v>
      </c>
      <c r="D23" s="219">
        <v>0.53983044204520991</v>
      </c>
    </row>
    <row r="24" spans="1:79">
      <c r="A24" s="52" t="s">
        <v>550</v>
      </c>
      <c r="B24" s="216">
        <v>7</v>
      </c>
      <c r="C24" s="79">
        <v>4.9435251314205813</v>
      </c>
      <c r="D24" s="80">
        <v>1.7028410532564169</v>
      </c>
    </row>
    <row r="25" spans="1:79">
      <c r="A25" s="44" t="s">
        <v>551</v>
      </c>
      <c r="B25" s="217">
        <v>7</v>
      </c>
      <c r="C25" s="218">
        <v>4.6993174471214134</v>
      </c>
      <c r="D25" s="219">
        <v>0.84124934690386577</v>
      </c>
    </row>
    <row r="26" spans="1:79">
      <c r="A26" s="52" t="s">
        <v>543</v>
      </c>
      <c r="B26" s="216">
        <v>52</v>
      </c>
      <c r="C26" s="79">
        <v>4.3303560496550109</v>
      </c>
      <c r="D26" s="80">
        <v>0.34047994976696144</v>
      </c>
    </row>
    <row r="27" spans="1:79">
      <c r="A27" s="44" t="s">
        <v>544</v>
      </c>
      <c r="B27" s="217">
        <v>22</v>
      </c>
      <c r="C27" s="218">
        <v>4.8282009189241037</v>
      </c>
      <c r="D27" s="219">
        <v>0.44227870086044435</v>
      </c>
    </row>
    <row r="28" spans="1:79">
      <c r="A28" s="52" t="s">
        <v>552</v>
      </c>
      <c r="B28" s="216">
        <v>30</v>
      </c>
      <c r="C28" s="79">
        <v>3.926487195093125</v>
      </c>
      <c r="D28" s="80">
        <v>0.47707162095043815</v>
      </c>
    </row>
    <row r="29" spans="1:79">
      <c r="A29" s="44" t="s">
        <v>545</v>
      </c>
      <c r="B29" s="217">
        <v>66</v>
      </c>
      <c r="C29" s="218">
        <v>3.8958037829690304</v>
      </c>
      <c r="D29" s="219">
        <v>0.3030468410954521</v>
      </c>
    </row>
    <row r="30" spans="1:79">
      <c r="W30" s="242"/>
      <c r="X30" s="242"/>
      <c r="Y30" s="242"/>
      <c r="Z30" s="242"/>
      <c r="AA30" s="242"/>
      <c r="AB30" s="242"/>
      <c r="AC30" s="242"/>
      <c r="AD30" s="242"/>
      <c r="AE30" s="242"/>
      <c r="AF30" s="242"/>
      <c r="AG30" s="242"/>
      <c r="AH30" s="242"/>
      <c r="AI30" s="242"/>
      <c r="AJ30" s="242"/>
      <c r="AK30" s="242"/>
      <c r="AL30" s="242"/>
      <c r="AM30" s="242"/>
      <c r="AN30" s="242"/>
      <c r="AO30" s="242"/>
      <c r="AP30" s="242"/>
      <c r="AQ30" s="242"/>
      <c r="AR30" s="242"/>
      <c r="AS30" s="242"/>
      <c r="AT30" s="242"/>
      <c r="AU30" s="242"/>
      <c r="AV30" s="242"/>
      <c r="AW30" s="242"/>
      <c r="AX30" s="242"/>
      <c r="AY30" s="242"/>
      <c r="AZ30" s="242"/>
      <c r="BA30" s="242"/>
      <c r="BB30" s="242"/>
      <c r="BC30" s="242"/>
      <c r="BD30" s="242"/>
      <c r="BE30" s="242"/>
      <c r="BF30" s="242"/>
      <c r="BG30" s="242"/>
      <c r="BH30" s="242"/>
      <c r="BI30" s="242"/>
      <c r="BJ30" s="242"/>
      <c r="BK30" s="242"/>
      <c r="BL30" s="242"/>
      <c r="BM30" s="242"/>
      <c r="BN30" s="242"/>
      <c r="BO30" s="242"/>
      <c r="BP30" s="242"/>
      <c r="BQ30" s="242"/>
      <c r="BR30" s="242"/>
      <c r="BS30" s="242"/>
      <c r="BT30" s="242"/>
      <c r="BU30" s="242"/>
      <c r="BV30" s="242"/>
      <c r="BW30" s="242"/>
      <c r="BX30" s="242"/>
      <c r="BY30" s="242"/>
      <c r="BZ30" s="242"/>
      <c r="CA30" s="242"/>
    </row>
    <row r="31" spans="1:79">
      <c r="W31" s="242"/>
      <c r="X31" s="242"/>
      <c r="Y31" s="242"/>
      <c r="Z31" s="242"/>
      <c r="AA31" s="242"/>
      <c r="AB31" s="242"/>
      <c r="AC31" s="242"/>
      <c r="AD31" s="242"/>
      <c r="AE31" s="242"/>
      <c r="AF31" s="242"/>
      <c r="AG31" s="242"/>
      <c r="AH31" s="242"/>
      <c r="AI31" s="242"/>
      <c r="AJ31" s="242"/>
      <c r="AK31" s="242"/>
      <c r="AL31" s="242"/>
      <c r="AM31" s="242"/>
      <c r="AN31" s="242"/>
      <c r="AO31" s="242"/>
      <c r="AP31" s="242"/>
      <c r="AQ31" s="242"/>
      <c r="AR31" s="242"/>
      <c r="AS31" s="242"/>
      <c r="AT31" s="242"/>
      <c r="AU31" s="242"/>
      <c r="AV31" s="242"/>
      <c r="AW31" s="242"/>
      <c r="AX31" s="242"/>
      <c r="AY31" s="242"/>
      <c r="AZ31" s="242"/>
      <c r="BA31" s="242"/>
      <c r="BB31" s="242"/>
      <c r="BC31" s="242"/>
      <c r="BD31" s="242"/>
      <c r="BE31" s="242"/>
      <c r="BF31" s="242"/>
      <c r="BG31" s="242"/>
      <c r="BH31" s="242"/>
      <c r="BI31" s="242"/>
      <c r="BJ31" s="242"/>
      <c r="BK31" s="242"/>
      <c r="BL31" s="242"/>
      <c r="BM31" s="242"/>
      <c r="BN31" s="242"/>
      <c r="BO31" s="242"/>
      <c r="BP31" s="242"/>
      <c r="BQ31" s="242"/>
      <c r="BR31" s="242"/>
      <c r="BS31" s="242"/>
      <c r="BT31" s="242"/>
      <c r="BU31" s="242"/>
      <c r="BV31" s="242"/>
      <c r="BW31" s="242"/>
      <c r="BX31" s="242"/>
      <c r="BY31" s="242"/>
      <c r="BZ31" s="242"/>
      <c r="CA31" s="242"/>
    </row>
    <row r="32" spans="1:79" ht="18.75">
      <c r="A32" s="418" t="s">
        <v>53</v>
      </c>
      <c r="B32" s="418"/>
      <c r="C32" s="418"/>
      <c r="D32" s="418"/>
      <c r="E32" s="418"/>
      <c r="F32" s="418"/>
      <c r="G32" s="418"/>
      <c r="H32" s="418"/>
      <c r="I32" s="418"/>
      <c r="J32" s="418"/>
      <c r="K32" s="418"/>
      <c r="L32" s="418"/>
      <c r="M32" s="418"/>
      <c r="N32" s="418"/>
      <c r="O32" s="418"/>
      <c r="P32" s="418"/>
      <c r="Q32" s="418"/>
      <c r="R32" s="418"/>
      <c r="S32" s="418"/>
      <c r="T32" s="418"/>
      <c r="U32" s="418"/>
      <c r="V32" s="418"/>
      <c r="W32" s="418"/>
      <c r="X32" s="418"/>
      <c r="Y32" s="418"/>
      <c r="Z32" s="418"/>
      <c r="AA32" s="418"/>
      <c r="AB32" s="418"/>
      <c r="AC32" s="418"/>
      <c r="AD32" s="418"/>
      <c r="AE32" s="418"/>
      <c r="AF32" s="418"/>
      <c r="AG32" s="418"/>
      <c r="AH32" s="418"/>
      <c r="AI32" s="418"/>
      <c r="AJ32" s="418"/>
      <c r="AK32" s="418"/>
      <c r="AL32" s="418"/>
      <c r="AM32" s="418"/>
      <c r="AN32" s="418"/>
      <c r="AO32" s="418"/>
      <c r="AP32" s="418"/>
      <c r="AQ32" s="418"/>
      <c r="AR32" s="418"/>
      <c r="AS32" s="418"/>
      <c r="AT32" s="418"/>
      <c r="AU32" s="418"/>
      <c r="AV32" s="418"/>
      <c r="AW32" s="418"/>
      <c r="AX32" s="418"/>
      <c r="AY32" s="418"/>
      <c r="AZ32" s="418"/>
      <c r="BA32" s="418"/>
      <c r="BB32" s="418"/>
      <c r="BC32" s="418"/>
      <c r="BD32" s="418"/>
      <c r="BE32" s="418"/>
      <c r="BF32" s="418"/>
      <c r="BG32" s="418"/>
      <c r="BH32" s="418"/>
      <c r="BI32" s="418"/>
      <c r="BJ32" s="418"/>
      <c r="BK32" s="418"/>
      <c r="BL32" s="418"/>
      <c r="BM32" s="418"/>
      <c r="BN32" s="418"/>
      <c r="BO32" s="418"/>
      <c r="BP32" s="418"/>
      <c r="BQ32" s="418"/>
      <c r="BR32" s="418"/>
      <c r="BS32" s="418"/>
      <c r="BT32" s="418"/>
      <c r="BU32" s="418"/>
      <c r="BV32" s="418"/>
      <c r="BW32" s="418"/>
      <c r="BX32" s="418"/>
      <c r="BY32" s="418"/>
      <c r="BZ32" s="418"/>
    </row>
    <row r="33" spans="1:78" ht="80.25" customHeight="1">
      <c r="A33" s="419" t="s">
        <v>602</v>
      </c>
      <c r="B33" s="419"/>
      <c r="C33" s="419"/>
      <c r="D33" s="419"/>
      <c r="E33" s="419"/>
      <c r="F33" s="419"/>
      <c r="G33" s="419"/>
      <c r="H33" s="419"/>
      <c r="I33" s="419"/>
      <c r="J33" s="419"/>
      <c r="K33" s="419"/>
      <c r="L33" s="419"/>
      <c r="M33" s="419"/>
      <c r="N33" s="419"/>
      <c r="O33" s="419"/>
      <c r="P33" s="419"/>
      <c r="Q33" s="419"/>
      <c r="R33" s="419"/>
      <c r="S33" s="419"/>
      <c r="T33" s="419"/>
      <c r="U33" s="419"/>
      <c r="V33" s="419"/>
      <c r="W33" s="419"/>
      <c r="X33" s="419"/>
      <c r="Y33" s="419"/>
      <c r="Z33" s="419"/>
      <c r="AA33" s="419"/>
      <c r="AB33" s="419"/>
      <c r="AC33" s="419"/>
      <c r="AD33" s="419"/>
      <c r="AE33" s="419"/>
      <c r="AF33" s="419"/>
      <c r="AG33" s="419"/>
      <c r="AH33" s="419"/>
      <c r="AI33" s="419"/>
      <c r="AJ33" s="419"/>
      <c r="AK33" s="419"/>
      <c r="AL33" s="419"/>
      <c r="AM33" s="419"/>
      <c r="AN33" s="419"/>
      <c r="AO33" s="419"/>
      <c r="AP33" s="419"/>
      <c r="AQ33" s="419"/>
      <c r="AR33" s="419"/>
      <c r="AS33" s="419"/>
      <c r="AT33" s="419"/>
      <c r="AU33" s="419"/>
      <c r="AV33" s="419"/>
      <c r="AW33" s="419"/>
      <c r="AX33" s="419"/>
      <c r="AY33" s="419"/>
      <c r="AZ33" s="419"/>
      <c r="BA33" s="419"/>
      <c r="BB33" s="419"/>
      <c r="BC33" s="419"/>
      <c r="BD33" s="419"/>
      <c r="BE33" s="419"/>
      <c r="BF33" s="419"/>
      <c r="BG33" s="419"/>
      <c r="BH33" s="419"/>
      <c r="BI33" s="419"/>
      <c r="BJ33" s="419"/>
      <c r="BK33" s="419"/>
      <c r="BL33" s="419"/>
      <c r="BM33" s="419"/>
      <c r="BN33" s="419"/>
      <c r="BO33" s="419"/>
      <c r="BP33" s="419"/>
      <c r="BQ33" s="419"/>
      <c r="BR33" s="419"/>
      <c r="BS33" s="419"/>
      <c r="BT33" s="419"/>
      <c r="BU33" s="419"/>
      <c r="BV33" s="419"/>
      <c r="BW33" s="419"/>
      <c r="BX33" s="419"/>
      <c r="BY33" s="419"/>
      <c r="BZ33" s="419"/>
    </row>
    <row r="34" spans="1:78" ht="33.75" customHeight="1">
      <c r="A34" s="59"/>
      <c r="B34" s="339" t="s">
        <v>437</v>
      </c>
      <c r="C34" s="339"/>
      <c r="D34" s="339"/>
      <c r="E34" s="339"/>
      <c r="F34" s="339"/>
      <c r="G34" s="339"/>
      <c r="H34" s="339"/>
      <c r="I34" s="392" t="s">
        <v>438</v>
      </c>
      <c r="J34" s="393"/>
      <c r="K34" s="393"/>
      <c r="L34" s="393"/>
      <c r="M34" s="393"/>
      <c r="N34" s="393"/>
      <c r="O34" s="394"/>
      <c r="P34" s="392" t="s">
        <v>439</v>
      </c>
      <c r="Q34" s="393"/>
      <c r="R34" s="393"/>
      <c r="S34" s="393"/>
      <c r="T34" s="393"/>
      <c r="U34" s="393"/>
      <c r="V34" s="394"/>
      <c r="W34" s="392" t="s">
        <v>440</v>
      </c>
      <c r="X34" s="393"/>
      <c r="Y34" s="393"/>
      <c r="Z34" s="393"/>
      <c r="AA34" s="393"/>
      <c r="AB34" s="393"/>
      <c r="AC34" s="394"/>
      <c r="AD34" s="392" t="s">
        <v>441</v>
      </c>
      <c r="AE34" s="393"/>
      <c r="AF34" s="393"/>
      <c r="AG34" s="393"/>
      <c r="AH34" s="393"/>
      <c r="AI34" s="393"/>
      <c r="AJ34" s="394"/>
      <c r="AK34" s="392" t="s">
        <v>442</v>
      </c>
      <c r="AL34" s="393"/>
      <c r="AM34" s="393"/>
      <c r="AN34" s="393"/>
      <c r="AO34" s="393"/>
      <c r="AP34" s="393"/>
      <c r="AQ34" s="394"/>
      <c r="AR34" s="392" t="s">
        <v>443</v>
      </c>
      <c r="AS34" s="393"/>
      <c r="AT34" s="393"/>
      <c r="AU34" s="393"/>
      <c r="AV34" s="393"/>
      <c r="AW34" s="393"/>
      <c r="AX34" s="394"/>
      <c r="AY34" s="392" t="s">
        <v>444</v>
      </c>
      <c r="AZ34" s="393"/>
      <c r="BA34" s="393"/>
      <c r="BB34" s="393"/>
      <c r="BC34" s="393"/>
      <c r="BD34" s="393"/>
      <c r="BE34" s="394"/>
      <c r="BF34" s="392" t="s">
        <v>445</v>
      </c>
      <c r="BG34" s="393"/>
      <c r="BH34" s="393"/>
      <c r="BI34" s="393"/>
      <c r="BJ34" s="393"/>
      <c r="BK34" s="393"/>
      <c r="BL34" s="394"/>
      <c r="BM34" s="339" t="s">
        <v>446</v>
      </c>
      <c r="BN34" s="339"/>
      <c r="BO34" s="339"/>
      <c r="BP34" s="339"/>
      <c r="BQ34" s="339"/>
      <c r="BR34" s="339"/>
      <c r="BS34" s="339"/>
      <c r="BT34" s="339" t="s">
        <v>447</v>
      </c>
      <c r="BU34" s="339"/>
      <c r="BV34" s="339"/>
      <c r="BW34" s="339"/>
      <c r="BX34" s="339"/>
      <c r="BY34" s="339"/>
      <c r="BZ34" s="339"/>
    </row>
    <row r="35" spans="1:78" ht="72">
      <c r="A35" s="32" t="s">
        <v>71</v>
      </c>
      <c r="B35" s="33" t="s">
        <v>72</v>
      </c>
      <c r="C35" s="33" t="s">
        <v>451</v>
      </c>
      <c r="D35" s="84" t="s">
        <v>533</v>
      </c>
      <c r="E35" s="33" t="s">
        <v>449</v>
      </c>
      <c r="F35" s="84" t="s">
        <v>450</v>
      </c>
      <c r="G35" s="33" t="s">
        <v>448</v>
      </c>
      <c r="H35" s="84" t="s">
        <v>452</v>
      </c>
      <c r="I35" s="60" t="s">
        <v>72</v>
      </c>
      <c r="J35" s="60" t="s">
        <v>451</v>
      </c>
      <c r="K35" s="83" t="s">
        <v>533</v>
      </c>
      <c r="L35" s="60" t="s">
        <v>449</v>
      </c>
      <c r="M35" s="83" t="s">
        <v>450</v>
      </c>
      <c r="N35" s="60" t="s">
        <v>448</v>
      </c>
      <c r="O35" s="83" t="s">
        <v>452</v>
      </c>
      <c r="P35" s="33" t="s">
        <v>72</v>
      </c>
      <c r="Q35" s="33" t="s">
        <v>451</v>
      </c>
      <c r="R35" s="84" t="s">
        <v>533</v>
      </c>
      <c r="S35" s="33" t="s">
        <v>449</v>
      </c>
      <c r="T35" s="84" t="s">
        <v>450</v>
      </c>
      <c r="U35" s="33" t="s">
        <v>448</v>
      </c>
      <c r="V35" s="84" t="s">
        <v>452</v>
      </c>
      <c r="W35" s="60" t="s">
        <v>72</v>
      </c>
      <c r="X35" s="60" t="s">
        <v>451</v>
      </c>
      <c r="Y35" s="83" t="s">
        <v>533</v>
      </c>
      <c r="Z35" s="60" t="s">
        <v>449</v>
      </c>
      <c r="AA35" s="83" t="s">
        <v>450</v>
      </c>
      <c r="AB35" s="60" t="s">
        <v>448</v>
      </c>
      <c r="AC35" s="83" t="s">
        <v>452</v>
      </c>
      <c r="AD35" s="33" t="s">
        <v>72</v>
      </c>
      <c r="AE35" s="33" t="s">
        <v>451</v>
      </c>
      <c r="AF35" s="84" t="s">
        <v>533</v>
      </c>
      <c r="AG35" s="33" t="s">
        <v>449</v>
      </c>
      <c r="AH35" s="84" t="s">
        <v>450</v>
      </c>
      <c r="AI35" s="33" t="s">
        <v>448</v>
      </c>
      <c r="AJ35" s="84" t="s">
        <v>452</v>
      </c>
      <c r="AK35" s="60" t="s">
        <v>72</v>
      </c>
      <c r="AL35" s="60" t="s">
        <v>451</v>
      </c>
      <c r="AM35" s="83" t="s">
        <v>533</v>
      </c>
      <c r="AN35" s="60" t="s">
        <v>449</v>
      </c>
      <c r="AO35" s="83" t="s">
        <v>450</v>
      </c>
      <c r="AP35" s="60" t="s">
        <v>448</v>
      </c>
      <c r="AQ35" s="83" t="s">
        <v>452</v>
      </c>
      <c r="AR35" s="33" t="s">
        <v>72</v>
      </c>
      <c r="AS35" s="33" t="s">
        <v>451</v>
      </c>
      <c r="AT35" s="84" t="s">
        <v>533</v>
      </c>
      <c r="AU35" s="33" t="s">
        <v>449</v>
      </c>
      <c r="AV35" s="84" t="s">
        <v>450</v>
      </c>
      <c r="AW35" s="33" t="s">
        <v>448</v>
      </c>
      <c r="AX35" s="84" t="s">
        <v>452</v>
      </c>
      <c r="AY35" s="60" t="s">
        <v>72</v>
      </c>
      <c r="AZ35" s="60" t="s">
        <v>451</v>
      </c>
      <c r="BA35" s="83" t="s">
        <v>533</v>
      </c>
      <c r="BB35" s="60" t="s">
        <v>449</v>
      </c>
      <c r="BC35" s="83" t="s">
        <v>450</v>
      </c>
      <c r="BD35" s="60" t="s">
        <v>448</v>
      </c>
      <c r="BE35" s="83" t="s">
        <v>452</v>
      </c>
      <c r="BF35" s="33" t="s">
        <v>72</v>
      </c>
      <c r="BG35" s="33" t="s">
        <v>451</v>
      </c>
      <c r="BH35" s="84" t="s">
        <v>533</v>
      </c>
      <c r="BI35" s="33" t="s">
        <v>449</v>
      </c>
      <c r="BJ35" s="84" t="s">
        <v>450</v>
      </c>
      <c r="BK35" s="33" t="s">
        <v>448</v>
      </c>
      <c r="BL35" s="84" t="s">
        <v>452</v>
      </c>
      <c r="BM35" s="60" t="s">
        <v>72</v>
      </c>
      <c r="BN35" s="60" t="s">
        <v>451</v>
      </c>
      <c r="BO35" s="83" t="s">
        <v>533</v>
      </c>
      <c r="BP35" s="60" t="s">
        <v>449</v>
      </c>
      <c r="BQ35" s="83" t="s">
        <v>450</v>
      </c>
      <c r="BR35" s="60" t="s">
        <v>448</v>
      </c>
      <c r="BS35" s="83" t="s">
        <v>452</v>
      </c>
      <c r="BT35" s="33" t="s">
        <v>72</v>
      </c>
      <c r="BU35" s="33" t="s">
        <v>451</v>
      </c>
      <c r="BV35" s="84" t="s">
        <v>533</v>
      </c>
      <c r="BW35" s="33" t="s">
        <v>449</v>
      </c>
      <c r="BX35" s="84" t="s">
        <v>450</v>
      </c>
      <c r="BY35" s="33" t="s">
        <v>448</v>
      </c>
      <c r="BZ35" s="84" t="s">
        <v>452</v>
      </c>
    </row>
    <row r="36" spans="1:78" ht="60">
      <c r="A36" s="36"/>
      <c r="B36" s="37" t="s">
        <v>74</v>
      </c>
      <c r="C36" s="37" t="s">
        <v>161</v>
      </c>
      <c r="D36" s="86" t="s">
        <v>88</v>
      </c>
      <c r="E36" s="37" t="s">
        <v>160</v>
      </c>
      <c r="F36" s="86" t="s">
        <v>88</v>
      </c>
      <c r="G36" s="37" t="s">
        <v>159</v>
      </c>
      <c r="H36" s="86" t="s">
        <v>88</v>
      </c>
      <c r="I36" s="63" t="s">
        <v>74</v>
      </c>
      <c r="J36" s="63" t="s">
        <v>161</v>
      </c>
      <c r="K36" s="85" t="s">
        <v>88</v>
      </c>
      <c r="L36" s="63" t="s">
        <v>160</v>
      </c>
      <c r="M36" s="85" t="s">
        <v>88</v>
      </c>
      <c r="N36" s="63" t="s">
        <v>159</v>
      </c>
      <c r="O36" s="85" t="s">
        <v>88</v>
      </c>
      <c r="P36" s="37" t="s">
        <v>74</v>
      </c>
      <c r="Q36" s="37" t="s">
        <v>161</v>
      </c>
      <c r="R36" s="86" t="s">
        <v>88</v>
      </c>
      <c r="S36" s="37" t="s">
        <v>160</v>
      </c>
      <c r="T36" s="86" t="s">
        <v>88</v>
      </c>
      <c r="U36" s="37" t="s">
        <v>159</v>
      </c>
      <c r="V36" s="86" t="s">
        <v>88</v>
      </c>
      <c r="W36" s="63" t="s">
        <v>74</v>
      </c>
      <c r="X36" s="63" t="s">
        <v>161</v>
      </c>
      <c r="Y36" s="85" t="s">
        <v>88</v>
      </c>
      <c r="Z36" s="63" t="s">
        <v>160</v>
      </c>
      <c r="AA36" s="85" t="s">
        <v>88</v>
      </c>
      <c r="AB36" s="63" t="s">
        <v>159</v>
      </c>
      <c r="AC36" s="85" t="s">
        <v>88</v>
      </c>
      <c r="AD36" s="37" t="s">
        <v>74</v>
      </c>
      <c r="AE36" s="37" t="s">
        <v>161</v>
      </c>
      <c r="AF36" s="86" t="s">
        <v>88</v>
      </c>
      <c r="AG36" s="37" t="s">
        <v>160</v>
      </c>
      <c r="AH36" s="86" t="s">
        <v>88</v>
      </c>
      <c r="AI36" s="37" t="s">
        <v>159</v>
      </c>
      <c r="AJ36" s="86" t="s">
        <v>88</v>
      </c>
      <c r="AK36" s="63" t="s">
        <v>74</v>
      </c>
      <c r="AL36" s="63" t="s">
        <v>161</v>
      </c>
      <c r="AM36" s="85" t="s">
        <v>88</v>
      </c>
      <c r="AN36" s="63" t="s">
        <v>160</v>
      </c>
      <c r="AO36" s="85" t="s">
        <v>88</v>
      </c>
      <c r="AP36" s="63" t="s">
        <v>159</v>
      </c>
      <c r="AQ36" s="85" t="s">
        <v>88</v>
      </c>
      <c r="AR36" s="37" t="s">
        <v>74</v>
      </c>
      <c r="AS36" s="37" t="s">
        <v>161</v>
      </c>
      <c r="AT36" s="86" t="s">
        <v>88</v>
      </c>
      <c r="AU36" s="37" t="s">
        <v>160</v>
      </c>
      <c r="AV36" s="86" t="s">
        <v>88</v>
      </c>
      <c r="AW36" s="37" t="s">
        <v>159</v>
      </c>
      <c r="AX36" s="86" t="s">
        <v>88</v>
      </c>
      <c r="AY36" s="63" t="s">
        <v>74</v>
      </c>
      <c r="AZ36" s="63" t="s">
        <v>161</v>
      </c>
      <c r="BA36" s="85" t="s">
        <v>88</v>
      </c>
      <c r="BB36" s="63" t="s">
        <v>160</v>
      </c>
      <c r="BC36" s="85" t="s">
        <v>88</v>
      </c>
      <c r="BD36" s="63" t="s">
        <v>159</v>
      </c>
      <c r="BE36" s="85" t="s">
        <v>88</v>
      </c>
      <c r="BF36" s="37" t="s">
        <v>74</v>
      </c>
      <c r="BG36" s="37" t="s">
        <v>161</v>
      </c>
      <c r="BH36" s="86" t="s">
        <v>88</v>
      </c>
      <c r="BI36" s="37" t="s">
        <v>160</v>
      </c>
      <c r="BJ36" s="86" t="s">
        <v>88</v>
      </c>
      <c r="BK36" s="37" t="s">
        <v>159</v>
      </c>
      <c r="BL36" s="86" t="s">
        <v>88</v>
      </c>
      <c r="BM36" s="63" t="s">
        <v>74</v>
      </c>
      <c r="BN36" s="63" t="s">
        <v>161</v>
      </c>
      <c r="BO36" s="85" t="s">
        <v>88</v>
      </c>
      <c r="BP36" s="63" t="s">
        <v>160</v>
      </c>
      <c r="BQ36" s="85" t="s">
        <v>88</v>
      </c>
      <c r="BR36" s="63" t="s">
        <v>159</v>
      </c>
      <c r="BS36" s="85" t="s">
        <v>88</v>
      </c>
      <c r="BT36" s="37" t="s">
        <v>74</v>
      </c>
      <c r="BU36" s="37" t="s">
        <v>161</v>
      </c>
      <c r="BV36" s="86" t="s">
        <v>88</v>
      </c>
      <c r="BW36" s="37" t="s">
        <v>160</v>
      </c>
      <c r="BX36" s="86" t="s">
        <v>88</v>
      </c>
      <c r="BY36" s="37" t="s">
        <v>159</v>
      </c>
      <c r="BZ36" s="86" t="s">
        <v>88</v>
      </c>
    </row>
    <row r="37" spans="1:78">
      <c r="A37" s="40" t="s">
        <v>350</v>
      </c>
      <c r="B37" s="320">
        <v>5956</v>
      </c>
      <c r="C37" s="321">
        <v>0.37049069428944598</v>
      </c>
      <c r="D37" s="316">
        <v>1.2511735318604604E-2</v>
      </c>
      <c r="E37" s="321">
        <v>0.1599777478250527</v>
      </c>
      <c r="F37" s="316">
        <v>9.5023841602421659E-3</v>
      </c>
      <c r="G37" s="321">
        <v>0.46953155788551576</v>
      </c>
      <c r="H37" s="316">
        <v>1.2929154394251645E-2</v>
      </c>
      <c r="I37" s="320">
        <v>5922</v>
      </c>
      <c r="J37" s="321">
        <v>0.3202704189255845</v>
      </c>
      <c r="K37" s="316">
        <v>1.2123252485466772E-2</v>
      </c>
      <c r="L37" s="321">
        <v>0.20725273765163249</v>
      </c>
      <c r="M37" s="316">
        <v>1.0534634910465399E-2</v>
      </c>
      <c r="N37" s="321">
        <v>0.47247684342279844</v>
      </c>
      <c r="O37" s="316">
        <v>1.2970630604819199E-2</v>
      </c>
      <c r="P37" s="320">
        <v>5468</v>
      </c>
      <c r="Q37" s="321">
        <v>0.30206896910918485</v>
      </c>
      <c r="R37" s="316">
        <v>1.2415814816631163E-2</v>
      </c>
      <c r="S37" s="321">
        <v>0.18346284940323676</v>
      </c>
      <c r="T37" s="316">
        <v>1.046962551040026E-2</v>
      </c>
      <c r="U37" s="321">
        <v>0.51446818148759343</v>
      </c>
      <c r="V37" s="316">
        <v>1.3512799261988374E-2</v>
      </c>
      <c r="W37" s="320">
        <v>5447</v>
      </c>
      <c r="X37" s="321">
        <v>0.35307457444302009</v>
      </c>
      <c r="Y37" s="316">
        <v>1.294739336443374E-2</v>
      </c>
      <c r="Z37" s="321">
        <v>0.10886926160360699</v>
      </c>
      <c r="AA37" s="316">
        <v>8.4472826242000202E-3</v>
      </c>
      <c r="AB37" s="321">
        <v>0.53805616395338862</v>
      </c>
      <c r="AC37" s="316">
        <v>1.3505235281819442E-2</v>
      </c>
      <c r="AD37" s="320">
        <v>6309</v>
      </c>
      <c r="AE37" s="321">
        <v>0.49453297063703761</v>
      </c>
      <c r="AF37" s="316">
        <v>1.2585085660763469E-2</v>
      </c>
      <c r="AG37" s="321">
        <v>0.14843995879291633</v>
      </c>
      <c r="AH37" s="316">
        <v>8.9549662678002472E-3</v>
      </c>
      <c r="AI37" s="321">
        <v>0.35702707057006011</v>
      </c>
      <c r="AJ37" s="316">
        <v>1.2061005418285576E-2</v>
      </c>
      <c r="AK37" s="320">
        <v>5518</v>
      </c>
      <c r="AL37" s="321">
        <v>0.52547463879812939</v>
      </c>
      <c r="AM37" s="316">
        <v>1.3439657691013346E-2</v>
      </c>
      <c r="AN37" s="321">
        <v>0.15759180430687189</v>
      </c>
      <c r="AO37" s="316">
        <v>9.8126758486079737E-3</v>
      </c>
      <c r="AP37" s="321">
        <v>0.31693355689501318</v>
      </c>
      <c r="AQ37" s="316">
        <v>1.2524086529603429E-2</v>
      </c>
      <c r="AR37" s="320">
        <v>6397</v>
      </c>
      <c r="AS37" s="321">
        <v>0.60834290820929027</v>
      </c>
      <c r="AT37" s="316">
        <v>1.2202439694925581E-2</v>
      </c>
      <c r="AU37" s="321">
        <v>0.14008316377450217</v>
      </c>
      <c r="AV37" s="316">
        <v>8.6819811996107551E-3</v>
      </c>
      <c r="AW37" s="321">
        <v>0.25157392801621475</v>
      </c>
      <c r="AX37" s="316">
        <v>1.084931357554981E-2</v>
      </c>
      <c r="AY37" s="320">
        <v>5390</v>
      </c>
      <c r="AZ37" s="321">
        <v>0.24103991578375566</v>
      </c>
      <c r="BA37" s="316">
        <v>1.1650550775255196E-2</v>
      </c>
      <c r="BB37" s="321">
        <v>0.16863534246044068</v>
      </c>
      <c r="BC37" s="316">
        <v>1.0202264964101456E-2</v>
      </c>
      <c r="BD37" s="321">
        <v>0.59032474175581984</v>
      </c>
      <c r="BE37" s="316">
        <v>1.3392163596050935E-2</v>
      </c>
      <c r="BF37" s="320">
        <v>6291</v>
      </c>
      <c r="BG37" s="321">
        <v>0.43285923832274098</v>
      </c>
      <c r="BH37" s="316">
        <v>1.2489813994813911E-2</v>
      </c>
      <c r="BI37" s="321">
        <v>0.1933525925834344</v>
      </c>
      <c r="BJ37" s="316">
        <v>9.9589891674521595E-3</v>
      </c>
      <c r="BK37" s="321">
        <v>0.37378816909383761</v>
      </c>
      <c r="BL37" s="316">
        <v>1.2196193659193085E-2</v>
      </c>
      <c r="BM37" s="320">
        <v>6457</v>
      </c>
      <c r="BN37" s="321">
        <v>0.47806856692483712</v>
      </c>
      <c r="BO37" s="316">
        <v>1.2428893438964349E-2</v>
      </c>
      <c r="BP37" s="321">
        <v>0.13367186186627561</v>
      </c>
      <c r="BQ37" s="316">
        <v>8.4733001245156179E-3</v>
      </c>
      <c r="BR37" s="321">
        <v>0.38825957120890364</v>
      </c>
      <c r="BS37" s="316">
        <v>1.2126596623413729E-2</v>
      </c>
      <c r="BT37" s="320">
        <v>4556</v>
      </c>
      <c r="BU37" s="321">
        <v>0.45051591088299064</v>
      </c>
      <c r="BV37" s="316">
        <v>1.4736147791075243E-2</v>
      </c>
      <c r="BW37" s="321">
        <v>0.16245235770160246</v>
      </c>
      <c r="BX37" s="316">
        <v>1.0932865046227843E-2</v>
      </c>
      <c r="BY37" s="321">
        <v>0.38703173141542258</v>
      </c>
      <c r="BZ37" s="316">
        <v>1.442647875141443E-2</v>
      </c>
    </row>
    <row r="38" spans="1:78">
      <c r="A38" s="44" t="s">
        <v>351</v>
      </c>
      <c r="B38" s="210">
        <v>5550</v>
      </c>
      <c r="C38" s="214">
        <v>0.38847304466882099</v>
      </c>
      <c r="D38" s="92">
        <v>1.3080720773607194E-2</v>
      </c>
      <c r="E38" s="214">
        <v>0.15890324539520123</v>
      </c>
      <c r="F38" s="92">
        <v>9.8172179131273581E-3</v>
      </c>
      <c r="G38" s="214">
        <v>0.45262370993599282</v>
      </c>
      <c r="H38" s="92">
        <v>1.3358002837709698E-2</v>
      </c>
      <c r="I38" s="210">
        <v>5547</v>
      </c>
      <c r="J38" s="214">
        <v>0.34842666060615252</v>
      </c>
      <c r="K38" s="92">
        <v>1.2791261576870834E-2</v>
      </c>
      <c r="L38" s="214">
        <v>0.21645049950628806</v>
      </c>
      <c r="M38" s="92">
        <v>1.1058727314933278E-2</v>
      </c>
      <c r="N38" s="214">
        <v>0.43512283988757489</v>
      </c>
      <c r="O38" s="92">
        <v>1.3308609639994364E-2</v>
      </c>
      <c r="P38" s="210">
        <v>5112</v>
      </c>
      <c r="Q38" s="214">
        <v>0.32866869232172857</v>
      </c>
      <c r="R38" s="92">
        <v>1.3135829378071577E-2</v>
      </c>
      <c r="S38" s="214">
        <v>0.1871438296797075</v>
      </c>
      <c r="T38" s="92">
        <v>1.0911328310163483E-2</v>
      </c>
      <c r="U38" s="214">
        <v>0.48418747799857975</v>
      </c>
      <c r="V38" s="92">
        <v>1.3973904949301797E-2</v>
      </c>
      <c r="W38" s="210">
        <v>5068</v>
      </c>
      <c r="X38" s="214">
        <v>0.3962727834225182</v>
      </c>
      <c r="Y38" s="92">
        <v>1.3736410790152219E-2</v>
      </c>
      <c r="Z38" s="214">
        <v>0.11936256301415138</v>
      </c>
      <c r="AA38" s="92">
        <v>9.1147424722684469E-3</v>
      </c>
      <c r="AB38" s="214">
        <v>0.48436465356334829</v>
      </c>
      <c r="AC38" s="92">
        <v>1.4034542823167717E-2</v>
      </c>
      <c r="AD38" s="210">
        <v>5874</v>
      </c>
      <c r="AE38" s="214">
        <v>0.51061691895571304</v>
      </c>
      <c r="AF38" s="92">
        <v>1.3040294930018449E-2</v>
      </c>
      <c r="AG38" s="214">
        <v>0.15647670014792994</v>
      </c>
      <c r="AH38" s="92">
        <v>9.4831487834469985E-3</v>
      </c>
      <c r="AI38" s="214">
        <v>0.33290638089637303</v>
      </c>
      <c r="AJ38" s="92">
        <v>1.2294384680554087E-2</v>
      </c>
      <c r="AK38" s="210">
        <v>5156</v>
      </c>
      <c r="AL38" s="214">
        <v>0.53898350481879531</v>
      </c>
      <c r="AM38" s="92">
        <v>1.3878840109256026E-2</v>
      </c>
      <c r="AN38" s="214">
        <v>0.16639969075272215</v>
      </c>
      <c r="AO38" s="92">
        <v>1.0376004971847158E-2</v>
      </c>
      <c r="AP38" s="214">
        <v>0.29461680442849547</v>
      </c>
      <c r="AQ38" s="92">
        <v>1.2694475282381528E-2</v>
      </c>
      <c r="AR38" s="210">
        <v>5971</v>
      </c>
      <c r="AS38" s="214">
        <v>0.64401070625015966</v>
      </c>
      <c r="AT38" s="92">
        <v>1.2389459010041251E-2</v>
      </c>
      <c r="AU38" s="214">
        <v>0.1492546452857231</v>
      </c>
      <c r="AV38" s="92">
        <v>9.2258453436001864E-3</v>
      </c>
      <c r="AW38" s="214">
        <v>0.20673464846413378</v>
      </c>
      <c r="AX38" s="92">
        <v>1.048164117595389E-2</v>
      </c>
      <c r="AY38" s="210">
        <v>5052</v>
      </c>
      <c r="AZ38" s="214">
        <v>0.25823944813279925</v>
      </c>
      <c r="BA38" s="92">
        <v>1.2313298109162462E-2</v>
      </c>
      <c r="BB38" s="214">
        <v>0.17417349923654613</v>
      </c>
      <c r="BC38" s="92">
        <v>1.0673706464127512E-2</v>
      </c>
      <c r="BD38" s="214">
        <v>0.56758705263067077</v>
      </c>
      <c r="BE38" s="92">
        <v>1.3934726204684621E-2</v>
      </c>
      <c r="BF38" s="210">
        <v>5856</v>
      </c>
      <c r="BG38" s="214">
        <v>0.44419665227829086</v>
      </c>
      <c r="BH38" s="92">
        <v>1.2981747126674574E-2</v>
      </c>
      <c r="BI38" s="214">
        <v>0.19600221765628845</v>
      </c>
      <c r="BJ38" s="92">
        <v>1.0375590566453752E-2</v>
      </c>
      <c r="BK38" s="214">
        <v>0.35980113006543574</v>
      </c>
      <c r="BL38" s="92">
        <v>1.2539932161268693E-2</v>
      </c>
      <c r="BM38" s="210">
        <v>6034</v>
      </c>
      <c r="BN38" s="214">
        <v>0.53849602365169658</v>
      </c>
      <c r="BO38" s="92">
        <v>1.2831107111497899E-2</v>
      </c>
      <c r="BP38" s="214">
        <v>0.14204966945947903</v>
      </c>
      <c r="BQ38" s="92">
        <v>8.9915962159253359E-3</v>
      </c>
      <c r="BR38" s="214">
        <v>0.31945430688884119</v>
      </c>
      <c r="BS38" s="92">
        <v>1.2002164627389858E-2</v>
      </c>
      <c r="BT38" s="210">
        <v>4248</v>
      </c>
      <c r="BU38" s="214">
        <v>0.48320448927244791</v>
      </c>
      <c r="BV38" s="92">
        <v>1.5327053575894485E-2</v>
      </c>
      <c r="BW38" s="214">
        <v>0.17079028002360352</v>
      </c>
      <c r="BX38" s="92">
        <v>1.1550729697439813E-2</v>
      </c>
      <c r="BY38" s="214">
        <v>0.34600523070396039</v>
      </c>
      <c r="BZ38" s="92">
        <v>1.4591657557280648E-2</v>
      </c>
    </row>
    <row r="39" spans="1:78">
      <c r="A39" s="40" t="s">
        <v>352</v>
      </c>
      <c r="B39" s="320">
        <v>406</v>
      </c>
      <c r="C39" s="321">
        <v>0.31028988831789983</v>
      </c>
      <c r="D39" s="316">
        <v>4.5768120806405306E-2</v>
      </c>
      <c r="E39" s="321">
        <v>0.16357493678704668</v>
      </c>
      <c r="F39" s="316">
        <v>3.6827326790664749E-2</v>
      </c>
      <c r="G39" s="321">
        <v>0.52613517489505268</v>
      </c>
      <c r="H39" s="316">
        <v>4.9320278852422357E-2</v>
      </c>
      <c r="I39" s="320">
        <v>375</v>
      </c>
      <c r="J39" s="321">
        <v>0.21929809867090463</v>
      </c>
      <c r="K39" s="316">
        <v>4.2712866502012371E-2</v>
      </c>
      <c r="L39" s="321">
        <v>0.17426824468730712</v>
      </c>
      <c r="M39" s="316">
        <v>3.9271278656824421E-2</v>
      </c>
      <c r="N39" s="321">
        <v>0.60643365664178683</v>
      </c>
      <c r="O39" s="316">
        <v>5.0214288137453954E-2</v>
      </c>
      <c r="P39" s="320">
        <v>356</v>
      </c>
      <c r="Q39" s="321">
        <v>0.21137750988461954</v>
      </c>
      <c r="R39" s="316">
        <v>4.3274055656972517E-2</v>
      </c>
      <c r="S39" s="321">
        <v>0.17091258826019451</v>
      </c>
      <c r="T39" s="316">
        <v>4.0013156048342872E-2</v>
      </c>
      <c r="U39" s="321">
        <v>0.61770990185518482</v>
      </c>
      <c r="V39" s="316">
        <v>5.1256497812854254E-2</v>
      </c>
      <c r="W39" s="320">
        <v>379</v>
      </c>
      <c r="X39" s="321">
        <v>0.21340357065761784</v>
      </c>
      <c r="Y39" s="316">
        <v>4.20827474893073E-2</v>
      </c>
      <c r="Z39" s="321">
        <v>7.4941698964861456E-2</v>
      </c>
      <c r="AA39" s="316">
        <v>2.7626682320154458E-2</v>
      </c>
      <c r="AB39" s="321">
        <v>0.7116547303775197</v>
      </c>
      <c r="AC39" s="316">
        <v>4.6398558492673735E-2</v>
      </c>
      <c r="AD39" s="320">
        <v>435</v>
      </c>
      <c r="AE39" s="321">
        <v>0.44080889442412685</v>
      </c>
      <c r="AF39" s="316">
        <v>4.7397891097609071E-2</v>
      </c>
      <c r="AG39" s="321">
        <v>0.12159539945304126</v>
      </c>
      <c r="AH39" s="316">
        <v>3.1573388660635991E-2</v>
      </c>
      <c r="AI39" s="321">
        <v>0.43759570612283044</v>
      </c>
      <c r="AJ39" s="316">
        <v>4.7361003677771921E-2</v>
      </c>
      <c r="AK39" s="320">
        <v>362</v>
      </c>
      <c r="AL39" s="321">
        <v>0.47726263714819245</v>
      </c>
      <c r="AM39" s="316">
        <v>5.2217938719598858E-2</v>
      </c>
      <c r="AN39" s="321">
        <v>0.12615720163851249</v>
      </c>
      <c r="AO39" s="316">
        <v>3.5185643231653067E-2</v>
      </c>
      <c r="AP39" s="321">
        <v>0.39658016121329409</v>
      </c>
      <c r="AQ39" s="316">
        <v>5.1165310611946797E-2</v>
      </c>
      <c r="AR39" s="320">
        <v>426</v>
      </c>
      <c r="AS39" s="321">
        <v>0.48556482316850286</v>
      </c>
      <c r="AT39" s="316">
        <v>4.8204552942377576E-2</v>
      </c>
      <c r="AU39" s="321">
        <v>0.10851247540050477</v>
      </c>
      <c r="AV39" s="316">
        <v>3.0434932621178693E-2</v>
      </c>
      <c r="AW39" s="321">
        <v>0.4059227014309913</v>
      </c>
      <c r="AX39" s="316">
        <v>4.7379060942925683E-2</v>
      </c>
      <c r="AY39" s="320">
        <v>338</v>
      </c>
      <c r="AZ39" s="321">
        <v>0.18057630310196704</v>
      </c>
      <c r="BA39" s="316">
        <v>4.1933007871289382E-2</v>
      </c>
      <c r="BB39" s="321">
        <v>0.14916638484659603</v>
      </c>
      <c r="BC39" s="316">
        <v>3.8959883466594493E-2</v>
      </c>
      <c r="BD39" s="321">
        <v>0.67025731205143568</v>
      </c>
      <c r="BE39" s="316">
        <v>5.0919791733677694E-2</v>
      </c>
      <c r="BF39" s="320">
        <v>435</v>
      </c>
      <c r="BG39" s="321">
        <v>0.39534251375533103</v>
      </c>
      <c r="BH39" s="316">
        <v>4.6689543518013819E-2</v>
      </c>
      <c r="BI39" s="321">
        <v>0.18458469767769078</v>
      </c>
      <c r="BJ39" s="316">
        <v>3.7254025364586899E-2</v>
      </c>
      <c r="BK39" s="321">
        <v>0.42007278856697733</v>
      </c>
      <c r="BL39" s="316">
        <v>4.712485496065888E-2</v>
      </c>
      <c r="BM39" s="320">
        <v>423</v>
      </c>
      <c r="BN39" s="321">
        <v>0.26767403684795732</v>
      </c>
      <c r="BO39" s="316">
        <v>4.2961903297575682E-2</v>
      </c>
      <c r="BP39" s="321">
        <v>0.10450225938550252</v>
      </c>
      <c r="BQ39" s="316">
        <v>3.0066026886303492E-2</v>
      </c>
      <c r="BR39" s="321">
        <v>0.62782370376653907</v>
      </c>
      <c r="BS39" s="316">
        <v>4.6815776496627423E-2</v>
      </c>
      <c r="BT39" s="320">
        <v>308</v>
      </c>
      <c r="BU39" s="321">
        <v>0.3402060011741519</v>
      </c>
      <c r="BV39" s="316">
        <v>5.3722506634310468E-2</v>
      </c>
      <c r="BW39" s="321">
        <v>0.13431545166851949</v>
      </c>
      <c r="BX39" s="316">
        <v>3.9171169783900638E-2</v>
      </c>
      <c r="BY39" s="321">
        <v>0.52547854715732867</v>
      </c>
      <c r="BZ39" s="316">
        <v>5.6542176448864799E-2</v>
      </c>
    </row>
    <row r="40" spans="1:78">
      <c r="A40" s="44" t="s">
        <v>534</v>
      </c>
      <c r="B40" s="210">
        <v>642</v>
      </c>
      <c r="C40" s="214">
        <v>0.37647659198018169</v>
      </c>
      <c r="D40" s="92">
        <v>3.8140228198433469E-2</v>
      </c>
      <c r="E40" s="214">
        <v>0.17407949847111057</v>
      </c>
      <c r="F40" s="92">
        <v>2.9972869430896758E-2</v>
      </c>
      <c r="G40" s="214">
        <v>0.44944390954870594</v>
      </c>
      <c r="H40" s="92">
        <v>3.914533023267102E-2</v>
      </c>
      <c r="I40" s="210">
        <v>654</v>
      </c>
      <c r="J40" s="214">
        <v>0.32755274043997923</v>
      </c>
      <c r="K40" s="92">
        <v>3.6621982589150934E-2</v>
      </c>
      <c r="L40" s="214">
        <v>0.21318296705918993</v>
      </c>
      <c r="M40" s="92">
        <v>3.2027070609241037E-2</v>
      </c>
      <c r="N40" s="214">
        <v>0.45926429250082879</v>
      </c>
      <c r="O40" s="92">
        <v>3.885603667113615E-2</v>
      </c>
      <c r="P40" s="210">
        <v>602</v>
      </c>
      <c r="Q40" s="214">
        <v>0.29723992219785222</v>
      </c>
      <c r="R40" s="92">
        <v>3.7180257342263844E-2</v>
      </c>
      <c r="S40" s="214">
        <v>0.18443986066058182</v>
      </c>
      <c r="T40" s="92">
        <v>3.164698262799432E-2</v>
      </c>
      <c r="U40" s="214">
        <v>0.51832021714156362</v>
      </c>
      <c r="V40" s="92">
        <v>4.0595304950908982E-2</v>
      </c>
      <c r="W40" s="210">
        <v>577</v>
      </c>
      <c r="X40" s="214">
        <v>0.3629884799534896</v>
      </c>
      <c r="Y40" s="92">
        <v>3.9921216238262301E-2</v>
      </c>
      <c r="Z40" s="214">
        <v>0.14173647342249179</v>
      </c>
      <c r="AA40" s="92">
        <v>2.9148382623843595E-2</v>
      </c>
      <c r="AB40" s="214">
        <v>0.49527504662401689</v>
      </c>
      <c r="AC40" s="92">
        <v>4.1485163651282513E-2</v>
      </c>
      <c r="AD40" s="210">
        <v>688</v>
      </c>
      <c r="AE40" s="214">
        <v>0.49009186605962662</v>
      </c>
      <c r="AF40" s="92">
        <v>3.8006917572967036E-2</v>
      </c>
      <c r="AG40" s="214">
        <v>0.15214852636202697</v>
      </c>
      <c r="AH40" s="92">
        <v>2.7454024709250572E-2</v>
      </c>
      <c r="AI40" s="214">
        <v>0.35775960757834446</v>
      </c>
      <c r="AJ40" s="92">
        <v>3.6462102783307519E-2</v>
      </c>
      <c r="AK40" s="210">
        <v>611</v>
      </c>
      <c r="AL40" s="214">
        <v>0.49997732410997392</v>
      </c>
      <c r="AM40" s="92">
        <v>4.0323891886344498E-2</v>
      </c>
      <c r="AN40" s="214">
        <v>0.18990729262429096</v>
      </c>
      <c r="AO40" s="92">
        <v>3.1760206650518027E-2</v>
      </c>
      <c r="AP40" s="214">
        <v>0.31011538326573374</v>
      </c>
      <c r="AQ40" s="92">
        <v>3.7343610406135846E-2</v>
      </c>
      <c r="AR40" s="210">
        <v>700</v>
      </c>
      <c r="AS40" s="214">
        <v>0.60473910836392386</v>
      </c>
      <c r="AT40" s="92">
        <v>3.6862307315302628E-2</v>
      </c>
      <c r="AU40" s="214">
        <v>0.14584562460625269</v>
      </c>
      <c r="AV40" s="92">
        <v>2.6756044030670289E-2</v>
      </c>
      <c r="AW40" s="214">
        <v>0.24941526702982106</v>
      </c>
      <c r="AX40" s="92">
        <v>3.2675993582840436E-2</v>
      </c>
      <c r="AY40" s="210">
        <v>576</v>
      </c>
      <c r="AZ40" s="214">
        <v>0.20407406617553162</v>
      </c>
      <c r="BA40" s="92">
        <v>3.3593058435727748E-2</v>
      </c>
      <c r="BB40" s="214">
        <v>0.19893267331243325</v>
      </c>
      <c r="BC40" s="92">
        <v>3.3280871770497981E-2</v>
      </c>
      <c r="BD40" s="214">
        <v>0.59699326051203239</v>
      </c>
      <c r="BE40" s="92">
        <v>4.0744927438850824E-2</v>
      </c>
      <c r="BF40" s="210">
        <v>685</v>
      </c>
      <c r="BG40" s="214">
        <v>0.44521404145070642</v>
      </c>
      <c r="BH40" s="92">
        <v>3.7870242757812055E-2</v>
      </c>
      <c r="BI40" s="214">
        <v>0.17609672208805949</v>
      </c>
      <c r="BJ40" s="92">
        <v>2.9143684134594408E-2</v>
      </c>
      <c r="BK40" s="214">
        <v>0.37868923646123193</v>
      </c>
      <c r="BL40" s="92">
        <v>3.6972046403174606E-2</v>
      </c>
      <c r="BM40" s="210">
        <v>703</v>
      </c>
      <c r="BN40" s="214">
        <v>0.53775412702629055</v>
      </c>
      <c r="BO40" s="92">
        <v>3.7502717221273588E-2</v>
      </c>
      <c r="BP40" s="214">
        <v>0.10591804446217852</v>
      </c>
      <c r="BQ40" s="92">
        <v>2.336013264444612E-2</v>
      </c>
      <c r="BR40" s="214">
        <v>0.35632782851152944</v>
      </c>
      <c r="BS40" s="92">
        <v>3.6041090471806404E-2</v>
      </c>
      <c r="BT40" s="210">
        <v>502</v>
      </c>
      <c r="BU40" s="214">
        <v>0.43073618209965953</v>
      </c>
      <c r="BV40" s="92">
        <v>4.4033590588094126E-2</v>
      </c>
      <c r="BW40" s="214">
        <v>0.19811629694290514</v>
      </c>
      <c r="BX40" s="92">
        <v>3.5597817680818655E-2</v>
      </c>
      <c r="BY40" s="214">
        <v>0.37114752095743614</v>
      </c>
      <c r="BZ40" s="92">
        <v>4.2977933350547469E-2</v>
      </c>
    </row>
    <row r="41" spans="1:78">
      <c r="A41" s="40" t="s">
        <v>535</v>
      </c>
      <c r="B41" s="320">
        <v>614</v>
      </c>
      <c r="C41" s="321">
        <v>0.37640651006655168</v>
      </c>
      <c r="D41" s="316">
        <v>3.8993962563289228E-2</v>
      </c>
      <c r="E41" s="321">
        <v>0.17540752981607791</v>
      </c>
      <c r="F41" s="316">
        <v>3.0740505039549258E-2</v>
      </c>
      <c r="G41" s="321">
        <v>0.44818596011736889</v>
      </c>
      <c r="H41" s="316">
        <v>4.0012129724831966E-2</v>
      </c>
      <c r="I41" s="320">
        <v>628</v>
      </c>
      <c r="J41" s="321">
        <v>0.33714941145130822</v>
      </c>
      <c r="K41" s="316">
        <v>3.7637034317197164E-2</v>
      </c>
      <c r="L41" s="321">
        <v>0.21666701859856569</v>
      </c>
      <c r="M41" s="316">
        <v>3.2872536514931494E-2</v>
      </c>
      <c r="N41" s="321">
        <v>0.44618356995012476</v>
      </c>
      <c r="O41" s="316">
        <v>3.9549707283708713E-2</v>
      </c>
      <c r="P41" s="320">
        <v>578</v>
      </c>
      <c r="Q41" s="321">
        <v>0.30689144613254193</v>
      </c>
      <c r="R41" s="316">
        <v>3.8280921721634123E-2</v>
      </c>
      <c r="S41" s="321">
        <v>0.18787762183618736</v>
      </c>
      <c r="T41" s="316">
        <v>3.2524284453879962E-2</v>
      </c>
      <c r="U41" s="321">
        <v>0.50523093203126901</v>
      </c>
      <c r="V41" s="316">
        <v>4.1449096191546478E-2</v>
      </c>
      <c r="W41" s="320">
        <v>550</v>
      </c>
      <c r="X41" s="321">
        <v>0.37262950096671615</v>
      </c>
      <c r="Y41" s="316">
        <v>4.1104795270897422E-2</v>
      </c>
      <c r="Z41" s="321">
        <v>0.14379765293873642</v>
      </c>
      <c r="AA41" s="316">
        <v>3.0035535785967842E-2</v>
      </c>
      <c r="AB41" s="321">
        <v>0.48357284609454732</v>
      </c>
      <c r="AC41" s="316">
        <v>4.2463322999123289E-2</v>
      </c>
      <c r="AD41" s="320">
        <v>660</v>
      </c>
      <c r="AE41" s="321">
        <v>0.49817132345880233</v>
      </c>
      <c r="AF41" s="316">
        <v>3.8807269852920476E-2</v>
      </c>
      <c r="AG41" s="321">
        <v>0.15480132636029081</v>
      </c>
      <c r="AH41" s="316">
        <v>2.8227692930705407E-2</v>
      </c>
      <c r="AI41" s="321">
        <v>0.34702735018090541</v>
      </c>
      <c r="AJ41" s="316">
        <v>3.696957838620684E-2</v>
      </c>
      <c r="AK41" s="320">
        <v>590</v>
      </c>
      <c r="AL41" s="321">
        <v>0.50404027023371123</v>
      </c>
      <c r="AM41" s="316">
        <v>4.1029175406200276E-2</v>
      </c>
      <c r="AN41" s="321">
        <v>0.19550164025441658</v>
      </c>
      <c r="AO41" s="316">
        <v>3.2672777052614031E-2</v>
      </c>
      <c r="AP41" s="321">
        <v>0.30045808951187125</v>
      </c>
      <c r="AQ41" s="316">
        <v>3.7669256720387852E-2</v>
      </c>
      <c r="AR41" s="320">
        <v>671</v>
      </c>
      <c r="AS41" s="321">
        <v>0.6240665673226562</v>
      </c>
      <c r="AT41" s="316">
        <v>3.7300729900536997E-2</v>
      </c>
      <c r="AU41" s="321">
        <v>0.15308540260062617</v>
      </c>
      <c r="AV41" s="316">
        <v>2.7869792817922293E-2</v>
      </c>
      <c r="AW41" s="321">
        <v>0.22284803007671516</v>
      </c>
      <c r="AX41" s="316">
        <v>3.2119634423138067E-2</v>
      </c>
      <c r="AY41" s="320">
        <v>553</v>
      </c>
      <c r="AZ41" s="321">
        <v>0.20462077513042976</v>
      </c>
      <c r="BA41" s="316">
        <v>3.4318158647028391E-2</v>
      </c>
      <c r="BB41" s="321">
        <v>0.20320102394580031</v>
      </c>
      <c r="BC41" s="316">
        <v>3.4231341595667916E-2</v>
      </c>
      <c r="BD41" s="321">
        <v>0.59217820092376783</v>
      </c>
      <c r="BE41" s="316">
        <v>4.1655574844707312E-2</v>
      </c>
      <c r="BF41" s="320">
        <v>658</v>
      </c>
      <c r="BG41" s="321">
        <v>0.44817496310949095</v>
      </c>
      <c r="BH41" s="316">
        <v>3.8659292993875223E-2</v>
      </c>
      <c r="BI41" s="321">
        <v>0.18300740128577883</v>
      </c>
      <c r="BJ41" s="316">
        <v>3.0178355583692022E-2</v>
      </c>
      <c r="BK41" s="321">
        <v>0.36881763560472797</v>
      </c>
      <c r="BL41" s="316">
        <v>3.752127456724013E-2</v>
      </c>
      <c r="BM41" s="320">
        <v>674</v>
      </c>
      <c r="BN41" s="321">
        <v>0.56634794032226632</v>
      </c>
      <c r="BO41" s="316">
        <v>3.8069160722322068E-2</v>
      </c>
      <c r="BP41" s="321">
        <v>0.10765748934174856</v>
      </c>
      <c r="BQ41" s="316">
        <v>2.403025512761605E-2</v>
      </c>
      <c r="BR41" s="321">
        <v>0.3259945703359835</v>
      </c>
      <c r="BS41" s="316">
        <v>3.6033278441460814E-2</v>
      </c>
      <c r="BT41" s="320">
        <v>484</v>
      </c>
      <c r="BU41" s="321">
        <v>0.44212731218154633</v>
      </c>
      <c r="BV41" s="316">
        <v>4.4968607691979461E-2</v>
      </c>
      <c r="BW41" s="321">
        <v>0.1969738720958287</v>
      </c>
      <c r="BX41" s="316">
        <v>3.6177422720455356E-2</v>
      </c>
      <c r="BY41" s="321">
        <v>0.36089881572262483</v>
      </c>
      <c r="BZ41" s="316">
        <v>4.3510575268544495E-2</v>
      </c>
    </row>
    <row r="42" spans="1:78">
      <c r="A42" s="44" t="s">
        <v>546</v>
      </c>
      <c r="B42" s="210">
        <v>29</v>
      </c>
      <c r="C42" s="214">
        <v>0.36357088403896154</v>
      </c>
      <c r="D42" s="92">
        <v>0.16899913844851255</v>
      </c>
      <c r="E42" s="214">
        <v>0.15118978521734991</v>
      </c>
      <c r="F42" s="92">
        <v>0.13752762516358877</v>
      </c>
      <c r="G42" s="214">
        <v>0.48523933074368836</v>
      </c>
      <c r="H42" s="92">
        <v>0.17401906557328206</v>
      </c>
      <c r="I42" s="210">
        <v>27</v>
      </c>
      <c r="J42" s="214">
        <v>0.18534373952222299</v>
      </c>
      <c r="K42" s="92">
        <v>0.15022289197122762</v>
      </c>
      <c r="L42" s="214">
        <v>0.15777620687480057</v>
      </c>
      <c r="M42" s="92">
        <v>0.14420269273835137</v>
      </c>
      <c r="N42" s="214">
        <v>0.65688005360297597</v>
      </c>
      <c r="O42" s="92">
        <v>0.17276880052639887</v>
      </c>
      <c r="P42" s="210">
        <v>25</v>
      </c>
      <c r="Q42" s="214">
        <v>0.15970157252022821</v>
      </c>
      <c r="R42" s="92">
        <v>0.15037401273373477</v>
      </c>
      <c r="S42" s="214">
        <v>0.1321349859191841</v>
      </c>
      <c r="T42" s="92">
        <v>0.14356626569279884</v>
      </c>
      <c r="U42" s="214">
        <v>0.7081634415605873</v>
      </c>
      <c r="V42" s="92">
        <v>0.17332339774182182</v>
      </c>
      <c r="W42" s="210">
        <v>28</v>
      </c>
      <c r="X42" s="214">
        <v>0.23771376256462187</v>
      </c>
      <c r="Y42" s="92">
        <v>0.1570547435967021</v>
      </c>
      <c r="Z42" s="214">
        <v>0.11248234840662531</v>
      </c>
      <c r="AA42" s="92">
        <v>0.12991638999602059</v>
      </c>
      <c r="AB42" s="214">
        <v>0.64980388902875275</v>
      </c>
      <c r="AC42" s="92">
        <v>0.17059398153699021</v>
      </c>
      <c r="AD42" s="210">
        <v>29</v>
      </c>
      <c r="AE42" s="214">
        <v>0.39909190324388227</v>
      </c>
      <c r="AF42" s="92">
        <v>0.17131803597320616</v>
      </c>
      <c r="AG42" s="214">
        <v>0.11041207460825618</v>
      </c>
      <c r="AH42" s="92">
        <v>0.12686719681258099</v>
      </c>
      <c r="AI42" s="214">
        <v>0.49049602214786142</v>
      </c>
      <c r="AJ42" s="92">
        <v>0.17405336848606856</v>
      </c>
      <c r="AK42" s="210">
        <v>22</v>
      </c>
      <c r="AL42" s="214">
        <v>0.4567438334147142</v>
      </c>
      <c r="AM42" s="92">
        <v>0.19558997126554722</v>
      </c>
      <c r="AN42" s="214">
        <v>8.6055395104389754E-2</v>
      </c>
      <c r="AO42" s="92">
        <v>0.13995458510873937</v>
      </c>
      <c r="AP42" s="214">
        <v>0.45720077148089616</v>
      </c>
      <c r="AQ42" s="92">
        <v>0.19560104341350065</v>
      </c>
      <c r="AR42" s="210">
        <v>30</v>
      </c>
      <c r="AS42" s="214">
        <v>0.36267806342322823</v>
      </c>
      <c r="AT42" s="92">
        <v>0.166386757096953</v>
      </c>
      <c r="AU42" s="214">
        <v>4.4687757356711995E-2</v>
      </c>
      <c r="AV42" s="92">
        <v>0.10209573015627764</v>
      </c>
      <c r="AW42" s="214">
        <v>0.59263417922005945</v>
      </c>
      <c r="AX42" s="92">
        <v>0.16919157943352681</v>
      </c>
      <c r="AY42" s="210">
        <v>24</v>
      </c>
      <c r="AZ42" s="214">
        <v>0.23242754889858561</v>
      </c>
      <c r="BA42" s="92">
        <v>0.16792837744081127</v>
      </c>
      <c r="BB42" s="214">
        <v>0.13201145423939931</v>
      </c>
      <c r="BC42" s="92">
        <v>0.14663414625463228</v>
      </c>
      <c r="BD42" s="214">
        <v>0.63556099686201495</v>
      </c>
      <c r="BE42" s="92">
        <v>0.18380839767908502</v>
      </c>
      <c r="BF42" s="210">
        <v>28</v>
      </c>
      <c r="BG42" s="214">
        <v>0.38693146175282572</v>
      </c>
      <c r="BH42" s="92">
        <v>0.17328151644069753</v>
      </c>
      <c r="BI42" s="214">
        <v>7.2849802756151341E-2</v>
      </c>
      <c r="BJ42" s="92">
        <v>0.11742345196656075</v>
      </c>
      <c r="BK42" s="214">
        <v>0.54021873549102273</v>
      </c>
      <c r="BL42" s="92">
        <v>0.1763382990942701</v>
      </c>
      <c r="BM42" s="210">
        <v>30</v>
      </c>
      <c r="BN42" s="214">
        <v>0.17728725951231561</v>
      </c>
      <c r="BO42" s="92">
        <v>0.1409711736878636</v>
      </c>
      <c r="BP42" s="214">
        <v>7.9194286019284674E-2</v>
      </c>
      <c r="BQ42" s="92">
        <v>0.11485895915413361</v>
      </c>
      <c r="BR42" s="214">
        <v>0.74351845446839959</v>
      </c>
      <c r="BS42" s="92">
        <v>0.15485523271732826</v>
      </c>
      <c r="BT42" s="210">
        <v>18</v>
      </c>
      <c r="BU42" s="214">
        <v>0.2410531030404634</v>
      </c>
      <c r="BV42" s="92">
        <v>0.19311463827112207</v>
      </c>
      <c r="BW42" s="214">
        <v>0.21713975300296023</v>
      </c>
      <c r="BX42" s="92">
        <v>0.18898756129259359</v>
      </c>
      <c r="BY42" s="214">
        <v>0.5418071439565767</v>
      </c>
      <c r="BZ42" s="92">
        <v>0.21270122458255308</v>
      </c>
    </row>
    <row r="43" spans="1:78">
      <c r="A43" s="40" t="s">
        <v>536</v>
      </c>
      <c r="B43" s="320">
        <v>170</v>
      </c>
      <c r="C43" s="321">
        <v>0.4986010868427912</v>
      </c>
      <c r="D43" s="316">
        <v>7.5809521129333979E-2</v>
      </c>
      <c r="E43" s="321">
        <v>0.15677007080991656</v>
      </c>
      <c r="F43" s="316">
        <v>5.6231737687882026E-2</v>
      </c>
      <c r="G43" s="321">
        <v>0.34462884234729485</v>
      </c>
      <c r="H43" s="316">
        <v>7.2231578419799464E-2</v>
      </c>
      <c r="I43" s="320">
        <v>183</v>
      </c>
      <c r="J43" s="321">
        <v>0.46289631471282161</v>
      </c>
      <c r="K43" s="316">
        <v>7.293416299904551E-2</v>
      </c>
      <c r="L43" s="321">
        <v>0.22139433839437209</v>
      </c>
      <c r="M43" s="316">
        <v>6.1298613243324085E-2</v>
      </c>
      <c r="N43" s="321">
        <v>0.31570934689280933</v>
      </c>
      <c r="O43" s="316">
        <v>6.8204533532040576E-2</v>
      </c>
      <c r="P43" s="320">
        <v>169</v>
      </c>
      <c r="Q43" s="321">
        <v>0.50132570179950586</v>
      </c>
      <c r="R43" s="316">
        <v>7.6028337103256086E-2</v>
      </c>
      <c r="S43" s="321">
        <v>0.12473288899033637</v>
      </c>
      <c r="T43" s="316">
        <v>5.1702006932296027E-2</v>
      </c>
      <c r="U43" s="321">
        <v>0.3739414092101605</v>
      </c>
      <c r="V43" s="316">
        <v>7.3686661991488336E-2</v>
      </c>
      <c r="W43" s="320">
        <v>164</v>
      </c>
      <c r="X43" s="321">
        <v>0.61690242586745869</v>
      </c>
      <c r="Y43" s="316">
        <v>7.5115283763079868E-2</v>
      </c>
      <c r="Z43" s="321">
        <v>0.13500254400738107</v>
      </c>
      <c r="AA43" s="316">
        <v>5.4126239781270111E-2</v>
      </c>
      <c r="AB43" s="321">
        <v>0.24809503012516285</v>
      </c>
      <c r="AC43" s="316">
        <v>6.7175965267797275E-2</v>
      </c>
      <c r="AD43" s="320">
        <v>188</v>
      </c>
      <c r="AE43" s="321">
        <v>0.57280545109205627</v>
      </c>
      <c r="AF43" s="316">
        <v>7.1431483110109911E-2</v>
      </c>
      <c r="AG43" s="321">
        <v>0.13646977001423044</v>
      </c>
      <c r="AH43" s="316">
        <v>5.0681776691252962E-2</v>
      </c>
      <c r="AI43" s="321">
        <v>0.29072477889371545</v>
      </c>
      <c r="AJ43" s="316">
        <v>6.5829595572602678E-2</v>
      </c>
      <c r="AK43" s="320">
        <v>160</v>
      </c>
      <c r="AL43" s="321">
        <v>0.5750724650364013</v>
      </c>
      <c r="AM43" s="316">
        <v>7.7244574051062873E-2</v>
      </c>
      <c r="AN43" s="321">
        <v>0.16071179423150231</v>
      </c>
      <c r="AO43" s="316">
        <v>5.8524639555700843E-2</v>
      </c>
      <c r="AP43" s="321">
        <v>0.26421574073209947</v>
      </c>
      <c r="AQ43" s="316">
        <v>6.9332114121688729E-2</v>
      </c>
      <c r="AR43" s="320">
        <v>193</v>
      </c>
      <c r="AS43" s="321">
        <v>0.74943935486778812</v>
      </c>
      <c r="AT43" s="316">
        <v>6.2157660461627982E-2</v>
      </c>
      <c r="AU43" s="321">
        <v>0.1194495825299062</v>
      </c>
      <c r="AV43" s="316">
        <v>4.7474841596301005E-2</v>
      </c>
      <c r="AW43" s="321">
        <v>0.13111106260230632</v>
      </c>
      <c r="AX43" s="316">
        <v>4.9235970203726713E-2</v>
      </c>
      <c r="AY43" s="320">
        <v>153</v>
      </c>
      <c r="AZ43" s="321">
        <v>0.28688520420169505</v>
      </c>
      <c r="BA43" s="316">
        <v>7.2598168310455499E-2</v>
      </c>
      <c r="BB43" s="321">
        <v>0.11843033244135008</v>
      </c>
      <c r="BC43" s="316">
        <v>5.3353515228819093E-2</v>
      </c>
      <c r="BD43" s="321">
        <v>0.59468446335695813</v>
      </c>
      <c r="BE43" s="316">
        <v>7.8437910989843221E-2</v>
      </c>
      <c r="BF43" s="320">
        <v>187</v>
      </c>
      <c r="BG43" s="321">
        <v>0.49008420078429232</v>
      </c>
      <c r="BH43" s="316">
        <v>7.2343820158448466E-2</v>
      </c>
      <c r="BI43" s="321">
        <v>0.19327010393682681</v>
      </c>
      <c r="BJ43" s="316">
        <v>5.7852704504040162E-2</v>
      </c>
      <c r="BK43" s="321">
        <v>0.31664569527888281</v>
      </c>
      <c r="BL43" s="316">
        <v>6.7533132698750595E-2</v>
      </c>
      <c r="BM43" s="320">
        <v>201</v>
      </c>
      <c r="BN43" s="321">
        <v>0.80942002467068985</v>
      </c>
      <c r="BO43" s="316">
        <v>5.5516909631043575E-2</v>
      </c>
      <c r="BP43" s="321">
        <v>5.4702147970461558E-2</v>
      </c>
      <c r="BQ43" s="316">
        <v>3.4036560558081588E-2</v>
      </c>
      <c r="BR43" s="321">
        <v>0.13587782735884851</v>
      </c>
      <c r="BS43" s="316">
        <v>4.8897825173862278E-2</v>
      </c>
      <c r="BT43" s="320">
        <v>134</v>
      </c>
      <c r="BU43" s="321">
        <v>0.5251815888593202</v>
      </c>
      <c r="BV43" s="316">
        <v>8.5023801436056479E-2</v>
      </c>
      <c r="BW43" s="321">
        <v>0.19552560314873574</v>
      </c>
      <c r="BX43" s="316">
        <v>6.8649844156305651E-2</v>
      </c>
      <c r="BY43" s="321">
        <v>0.27929280799194572</v>
      </c>
      <c r="BZ43" s="316">
        <v>7.690974843254382E-2</v>
      </c>
    </row>
    <row r="44" spans="1:78">
      <c r="A44" s="44" t="s">
        <v>537</v>
      </c>
      <c r="B44" s="210">
        <v>54</v>
      </c>
      <c r="C44" s="214">
        <v>0.50626931521400675</v>
      </c>
      <c r="D44" s="92">
        <v>0.13129748534254154</v>
      </c>
      <c r="E44" s="214">
        <v>0.14176681857535534</v>
      </c>
      <c r="F44" s="92">
        <v>9.7824418213266859E-2</v>
      </c>
      <c r="G44" s="214">
        <v>0.35196386621063785</v>
      </c>
      <c r="H44" s="92">
        <v>0.12621923682370398</v>
      </c>
      <c r="I44" s="210">
        <v>61</v>
      </c>
      <c r="J44" s="214">
        <v>0.55546074349302044</v>
      </c>
      <c r="K44" s="92">
        <v>0.12336089123509814</v>
      </c>
      <c r="L44" s="214">
        <v>0.24447082779188936</v>
      </c>
      <c r="M44" s="92">
        <v>0.1088383127302201</v>
      </c>
      <c r="N44" s="214">
        <v>0.20006842871509012</v>
      </c>
      <c r="O44" s="92">
        <v>0.10251371392393406</v>
      </c>
      <c r="P44" s="210">
        <v>58</v>
      </c>
      <c r="Q44" s="214">
        <v>0.57815153596507263</v>
      </c>
      <c r="R44" s="92">
        <v>0.12563516068541891</v>
      </c>
      <c r="S44" s="214">
        <v>0.1599354843933854</v>
      </c>
      <c r="T44" s="92">
        <v>9.7978459596096842E-2</v>
      </c>
      <c r="U44" s="214">
        <v>0.26191297964154175</v>
      </c>
      <c r="V44" s="92">
        <v>0.11370388144420647</v>
      </c>
      <c r="W44" s="210">
        <v>53</v>
      </c>
      <c r="X44" s="214">
        <v>0.69931426993614731</v>
      </c>
      <c r="Y44" s="92">
        <v>0.12301869506509602</v>
      </c>
      <c r="Z44" s="214">
        <v>0.19302488887443714</v>
      </c>
      <c r="AA44" s="92">
        <v>0.10874983480241639</v>
      </c>
      <c r="AB44" s="214">
        <v>0.10766084118941559</v>
      </c>
      <c r="AC44" s="92">
        <v>9.0579481282683699E-2</v>
      </c>
      <c r="AD44" s="210">
        <v>60</v>
      </c>
      <c r="AE44" s="214">
        <v>0.51885241691927564</v>
      </c>
      <c r="AF44" s="92">
        <v>0.12492188177637167</v>
      </c>
      <c r="AG44" s="214">
        <v>0.20490492184429424</v>
      </c>
      <c r="AH44" s="92">
        <v>0.10412248569150549</v>
      </c>
      <c r="AI44" s="214">
        <v>0.27624266123642999</v>
      </c>
      <c r="AJ44" s="92">
        <v>0.113466816764834</v>
      </c>
      <c r="AK44" s="210">
        <v>55</v>
      </c>
      <c r="AL44" s="214">
        <v>0.51344606020370864</v>
      </c>
      <c r="AM44" s="92">
        <v>0.13014799587321554</v>
      </c>
      <c r="AN44" s="214">
        <v>0.1736723218573642</v>
      </c>
      <c r="AO44" s="92">
        <v>0.10332114413710908</v>
      </c>
      <c r="AP44" s="214">
        <v>0.31288161793892705</v>
      </c>
      <c r="AQ44" s="92">
        <v>0.12200954152713955</v>
      </c>
      <c r="AR44" s="210">
        <v>64</v>
      </c>
      <c r="AS44" s="214">
        <v>0.8807005133996314</v>
      </c>
      <c r="AT44" s="92">
        <v>8.4580817045172049E-2</v>
      </c>
      <c r="AU44" s="214">
        <v>4.455258670968499E-2</v>
      </c>
      <c r="AV44" s="92">
        <v>6.2428170577157459E-2</v>
      </c>
      <c r="AW44" s="214">
        <v>7.4746899890683352E-2</v>
      </c>
      <c r="AX44" s="92">
        <v>7.2683590575069013E-2</v>
      </c>
      <c r="AY44" s="210">
        <v>52</v>
      </c>
      <c r="AZ44" s="214">
        <v>0.32165649782332884</v>
      </c>
      <c r="BA44" s="92">
        <v>0.12608814653867439</v>
      </c>
      <c r="BB44" s="214">
        <v>0.18171064001140455</v>
      </c>
      <c r="BC44" s="92">
        <v>0.10778536650914008</v>
      </c>
      <c r="BD44" s="214">
        <v>0.49663286216526659</v>
      </c>
      <c r="BE44" s="92">
        <v>0.13362800823753121</v>
      </c>
      <c r="BF44" s="210">
        <v>58</v>
      </c>
      <c r="BG44" s="214">
        <v>0.4039870043117057</v>
      </c>
      <c r="BH44" s="92">
        <v>0.12493420655604262</v>
      </c>
      <c r="BI44" s="214">
        <v>0.29386478959745788</v>
      </c>
      <c r="BJ44" s="92">
        <v>0.11717486619024702</v>
      </c>
      <c r="BK44" s="214">
        <v>0.30214820609083604</v>
      </c>
      <c r="BL44" s="92">
        <v>0.11797833110130919</v>
      </c>
      <c r="BM44" s="210">
        <v>63</v>
      </c>
      <c r="BN44" s="214">
        <v>0.79882741249574196</v>
      </c>
      <c r="BO44" s="92">
        <v>0.10105305912742692</v>
      </c>
      <c r="BP44" s="214">
        <v>6.8813411239256009E-2</v>
      </c>
      <c r="BQ44" s="92">
        <v>7.1493691207644081E-2</v>
      </c>
      <c r="BR44" s="214">
        <v>0.13235917626500215</v>
      </c>
      <c r="BS44" s="92">
        <v>8.8265866921845917E-2</v>
      </c>
      <c r="BT44" s="210">
        <v>47</v>
      </c>
      <c r="BU44" s="214">
        <v>0.55742802391191515</v>
      </c>
      <c r="BV44" s="92">
        <v>0.13924138006060635</v>
      </c>
      <c r="BW44" s="214">
        <v>0.27706494844300561</v>
      </c>
      <c r="BX44" s="92">
        <v>0.12766080002731892</v>
      </c>
      <c r="BY44" s="214">
        <v>0.16550702764507913</v>
      </c>
      <c r="BZ44" s="92">
        <v>0.1102499349487828</v>
      </c>
    </row>
    <row r="45" spans="1:78">
      <c r="A45" s="40" t="s">
        <v>538</v>
      </c>
      <c r="B45" s="320">
        <v>54</v>
      </c>
      <c r="C45" s="321">
        <v>0.51208224648663792</v>
      </c>
      <c r="D45" s="316">
        <v>0.13127319769158977</v>
      </c>
      <c r="E45" s="321">
        <v>0.16002356976464027</v>
      </c>
      <c r="F45" s="316">
        <v>0.10164471540200003</v>
      </c>
      <c r="G45" s="321">
        <v>0.32789418374872187</v>
      </c>
      <c r="H45" s="316">
        <v>0.12438102755183711</v>
      </c>
      <c r="I45" s="320">
        <v>51</v>
      </c>
      <c r="J45" s="321">
        <v>0.54262781642165892</v>
      </c>
      <c r="K45" s="316">
        <v>0.13441795548942562</v>
      </c>
      <c r="L45" s="321">
        <v>0.17011469604758969</v>
      </c>
      <c r="M45" s="316">
        <v>0.10666142785912733</v>
      </c>
      <c r="N45" s="321">
        <v>0.28725748753075114</v>
      </c>
      <c r="O45" s="316">
        <v>0.12390154948113505</v>
      </c>
      <c r="P45" s="320">
        <v>50</v>
      </c>
      <c r="Q45" s="321">
        <v>0.64498496340148659</v>
      </c>
      <c r="R45" s="316">
        <v>0.13108611521597216</v>
      </c>
      <c r="S45" s="321">
        <v>5.0347873125153673E-2</v>
      </c>
      <c r="T45" s="316">
        <v>7.5354572108666196E-2</v>
      </c>
      <c r="U45" s="321">
        <v>0.30466716347335959</v>
      </c>
      <c r="V45" s="316">
        <v>0.12686776681037809</v>
      </c>
      <c r="W45" s="320">
        <v>50</v>
      </c>
      <c r="X45" s="321">
        <v>0.68394172237240847</v>
      </c>
      <c r="Y45" s="316">
        <v>0.12794452519500743</v>
      </c>
      <c r="Z45" s="321">
        <v>0.14004121441920991</v>
      </c>
      <c r="AA45" s="316">
        <v>0.10143939202415261</v>
      </c>
      <c r="AB45" s="321">
        <v>0.17601706320838151</v>
      </c>
      <c r="AC45" s="316">
        <v>0.10886943566955348</v>
      </c>
      <c r="AD45" s="320">
        <v>58</v>
      </c>
      <c r="AE45" s="321">
        <v>0.56129801668975787</v>
      </c>
      <c r="AF45" s="316">
        <v>0.12616214484246147</v>
      </c>
      <c r="AG45" s="321">
        <v>0.10677486898541201</v>
      </c>
      <c r="AH45" s="316">
        <v>8.6016552852862402E-2</v>
      </c>
      <c r="AI45" s="321">
        <v>0.33192711432483035</v>
      </c>
      <c r="AJ45" s="316">
        <v>0.12055754685338345</v>
      </c>
      <c r="AK45" s="320">
        <v>45</v>
      </c>
      <c r="AL45" s="321">
        <v>0.59294175705031804</v>
      </c>
      <c r="AM45" s="316">
        <v>0.14076020410543469</v>
      </c>
      <c r="AN45" s="321">
        <v>0.21017440580254373</v>
      </c>
      <c r="AO45" s="316">
        <v>0.12093360220066945</v>
      </c>
      <c r="AP45" s="321">
        <v>0.19688383714713831</v>
      </c>
      <c r="AQ45" s="316">
        <v>0.11866916359153151</v>
      </c>
      <c r="AR45" s="320">
        <v>57</v>
      </c>
      <c r="AS45" s="321">
        <v>0.81196079455711478</v>
      </c>
      <c r="AT45" s="316">
        <v>0.10402560041371441</v>
      </c>
      <c r="AU45" s="321">
        <v>9.279707548173681E-2</v>
      </c>
      <c r="AV45" s="316">
        <v>8.3063837950450595E-2</v>
      </c>
      <c r="AW45" s="321">
        <v>9.5242129961148156E-2</v>
      </c>
      <c r="AX45" s="316">
        <v>8.3745272316201824E-2</v>
      </c>
      <c r="AY45" s="320">
        <v>44</v>
      </c>
      <c r="AZ45" s="321">
        <v>0.2006513594901487</v>
      </c>
      <c r="BA45" s="316">
        <v>0.12065896749343501</v>
      </c>
      <c r="BB45" s="321">
        <v>0.10663858165642098</v>
      </c>
      <c r="BC45" s="316">
        <v>9.9992135517155981E-2</v>
      </c>
      <c r="BD45" s="321">
        <v>0.69271005885343029</v>
      </c>
      <c r="BE45" s="316">
        <v>0.13502915241481875</v>
      </c>
      <c r="BF45" s="320">
        <v>56</v>
      </c>
      <c r="BG45" s="321">
        <v>0.58036675379923675</v>
      </c>
      <c r="BH45" s="316">
        <v>0.12763846191166731</v>
      </c>
      <c r="BI45" s="321">
        <v>0.11703486139450567</v>
      </c>
      <c r="BJ45" s="316">
        <v>9.0273969361787013E-2</v>
      </c>
      <c r="BK45" s="321">
        <v>0.3025983848062575</v>
      </c>
      <c r="BL45" s="316">
        <v>0.1200152953887989</v>
      </c>
      <c r="BM45" s="320">
        <v>61</v>
      </c>
      <c r="BN45" s="321">
        <v>0.92690843852796034</v>
      </c>
      <c r="BO45" s="316">
        <v>7.4209629911008268E-2</v>
      </c>
      <c r="BP45" s="321">
        <v>7.3091561472039657E-2</v>
      </c>
      <c r="BQ45" s="316">
        <v>7.4209629911008282E-2</v>
      </c>
      <c r="BR45" s="321">
        <v>0</v>
      </c>
      <c r="BS45" s="316">
        <v>4.2839582851592964E-2</v>
      </c>
      <c r="BT45" s="320">
        <v>38</v>
      </c>
      <c r="BU45" s="321">
        <v>0.62513983103432447</v>
      </c>
      <c r="BV45" s="316">
        <v>0.15029521264097831</v>
      </c>
      <c r="BW45" s="321">
        <v>0.22059738308809229</v>
      </c>
      <c r="BX45" s="316">
        <v>0.13312928842608088</v>
      </c>
      <c r="BY45" s="321">
        <v>0.15426278587758332</v>
      </c>
      <c r="BZ45" s="316">
        <v>0.1203763903598643</v>
      </c>
    </row>
    <row r="46" spans="1:78">
      <c r="A46" s="44" t="s">
        <v>539</v>
      </c>
      <c r="B46" s="210">
        <v>50</v>
      </c>
      <c r="C46" s="214">
        <v>0.45242864868832688</v>
      </c>
      <c r="D46" s="92">
        <v>0.1355536831086388</v>
      </c>
      <c r="E46" s="214">
        <v>0.18183228412942942</v>
      </c>
      <c r="F46" s="92">
        <v>0.10995318701133494</v>
      </c>
      <c r="G46" s="214">
        <v>0.36573906718224353</v>
      </c>
      <c r="H46" s="92">
        <v>0.13180951802601851</v>
      </c>
      <c r="I46" s="210">
        <v>56</v>
      </c>
      <c r="J46" s="214">
        <v>0.33303169334054866</v>
      </c>
      <c r="K46" s="92">
        <v>0.1226688774872873</v>
      </c>
      <c r="L46" s="214">
        <v>0.25379145067596542</v>
      </c>
      <c r="M46" s="92">
        <v>0.1146572924423903</v>
      </c>
      <c r="N46" s="214">
        <v>0.41317685598348591</v>
      </c>
      <c r="O46" s="92">
        <v>0.12739265792666118</v>
      </c>
      <c r="P46" s="210">
        <v>47</v>
      </c>
      <c r="Q46" s="214">
        <v>0.33302874646287117</v>
      </c>
      <c r="R46" s="92">
        <v>0.1332320223112648</v>
      </c>
      <c r="S46" s="214">
        <v>0.13401748419828174</v>
      </c>
      <c r="T46" s="92">
        <v>0.10337199055767382</v>
      </c>
      <c r="U46" s="214">
        <v>0.53295376933884708</v>
      </c>
      <c r="V46" s="92">
        <v>0.13976947803427758</v>
      </c>
      <c r="W46" s="210">
        <v>47</v>
      </c>
      <c r="X46" s="214">
        <v>0.4720806858166236</v>
      </c>
      <c r="Y46" s="92">
        <v>0.13984248548900774</v>
      </c>
      <c r="Z46" s="214">
        <v>0.10233910904319383</v>
      </c>
      <c r="AA46" s="92">
        <v>9.5259570556118084E-2</v>
      </c>
      <c r="AB46" s="214">
        <v>0.42558020514018269</v>
      </c>
      <c r="AC46" s="92">
        <v>0.13870447614690187</v>
      </c>
      <c r="AD46" s="210">
        <v>57</v>
      </c>
      <c r="AE46" s="214">
        <v>0.61847625309902099</v>
      </c>
      <c r="AF46" s="92">
        <v>0.12485897346567976</v>
      </c>
      <c r="AG46" s="214">
        <v>0.11148061239530785</v>
      </c>
      <c r="AH46" s="92">
        <v>8.8038737112389076E-2</v>
      </c>
      <c r="AI46" s="214">
        <v>0.27004313450567075</v>
      </c>
      <c r="AJ46" s="92">
        <v>0.11561030146870684</v>
      </c>
      <c r="AK46" s="210">
        <v>48</v>
      </c>
      <c r="AL46" s="214">
        <v>0.62852429085964612</v>
      </c>
      <c r="AM46" s="92">
        <v>0.13471481865913285</v>
      </c>
      <c r="AN46" s="214">
        <v>0.11779653267739555</v>
      </c>
      <c r="AO46" s="92">
        <v>9.8265692284716127E-2</v>
      </c>
      <c r="AP46" s="214">
        <v>0.25367917646295823</v>
      </c>
      <c r="AQ46" s="92">
        <v>0.12350692537501988</v>
      </c>
      <c r="AR46" s="210">
        <v>58</v>
      </c>
      <c r="AS46" s="214">
        <v>0.60577044526746482</v>
      </c>
      <c r="AT46" s="92">
        <v>0.12448852288573325</v>
      </c>
      <c r="AU46" s="214">
        <v>0.20894460803271087</v>
      </c>
      <c r="AV46" s="92">
        <v>0.10651817808333336</v>
      </c>
      <c r="AW46" s="214">
        <v>0.18528494669982354</v>
      </c>
      <c r="AX46" s="92">
        <v>0.10264949685938186</v>
      </c>
      <c r="AY46" s="210">
        <v>45</v>
      </c>
      <c r="AZ46" s="214">
        <v>0.30164228309842395</v>
      </c>
      <c r="BA46" s="92">
        <v>0.13303853105016938</v>
      </c>
      <c r="BB46" s="214">
        <v>9.3613904143589902E-2</v>
      </c>
      <c r="BC46" s="92">
        <v>9.5067328040257623E-2</v>
      </c>
      <c r="BD46" s="214">
        <v>0.60474381275798617</v>
      </c>
      <c r="BE46" s="92">
        <v>0.14018845902290042</v>
      </c>
      <c r="BF46" s="210">
        <v>59</v>
      </c>
      <c r="BG46" s="214">
        <v>0.44477881013861897</v>
      </c>
      <c r="BH46" s="92">
        <v>0.12531244766073837</v>
      </c>
      <c r="BI46" s="214">
        <v>0.21175672721570429</v>
      </c>
      <c r="BJ46" s="92">
        <v>0.10604918171435924</v>
      </c>
      <c r="BK46" s="214">
        <v>0.34346446264567654</v>
      </c>
      <c r="BL46" s="92">
        <v>0.12045136965706972</v>
      </c>
      <c r="BM46" s="210">
        <v>62</v>
      </c>
      <c r="BN46" s="214">
        <v>0.722763266961164</v>
      </c>
      <c r="BO46" s="92">
        <v>0.11179234581588599</v>
      </c>
      <c r="BP46" s="214">
        <v>3.7293873819487657E-2</v>
      </c>
      <c r="BQ46" s="92">
        <v>6.0836486751512986E-2</v>
      </c>
      <c r="BR46" s="214">
        <v>0.23994285921934785</v>
      </c>
      <c r="BS46" s="92">
        <v>0.10739883600019669</v>
      </c>
      <c r="BT46" s="210">
        <v>39</v>
      </c>
      <c r="BU46" s="214">
        <v>0.41437920769446684</v>
      </c>
      <c r="BV46" s="92">
        <v>0.15064806830082239</v>
      </c>
      <c r="BW46" s="214">
        <v>0.12444104532129638</v>
      </c>
      <c r="BX46" s="92">
        <v>0.11163720716705475</v>
      </c>
      <c r="BY46" s="214">
        <v>0.46117974698423686</v>
      </c>
      <c r="BZ46" s="92">
        <v>0.15212000208614668</v>
      </c>
    </row>
    <row r="47" spans="1:78">
      <c r="A47" s="40" t="s">
        <v>540</v>
      </c>
      <c r="B47" s="320">
        <v>60</v>
      </c>
      <c r="C47" s="321">
        <v>0.3661555909780968</v>
      </c>
      <c r="D47" s="316">
        <v>0.12099973839502218</v>
      </c>
      <c r="E47" s="321">
        <v>0.12440787430338535</v>
      </c>
      <c r="F47" s="316">
        <v>8.8745839059599693E-2</v>
      </c>
      <c r="G47" s="321">
        <v>0.50943653471851835</v>
      </c>
      <c r="H47" s="316">
        <v>0.12498043221627249</v>
      </c>
      <c r="I47" s="320">
        <v>59</v>
      </c>
      <c r="J47" s="321">
        <v>0.30248031766475864</v>
      </c>
      <c r="K47" s="316">
        <v>0.11704913145674387</v>
      </c>
      <c r="L47" s="321">
        <v>0.27491701642322008</v>
      </c>
      <c r="M47" s="316">
        <v>0.11424471993727423</v>
      </c>
      <c r="N47" s="321">
        <v>0.42260266591202172</v>
      </c>
      <c r="O47" s="316">
        <v>0.12465729100493433</v>
      </c>
      <c r="P47" s="320">
        <v>57</v>
      </c>
      <c r="Q47" s="321">
        <v>0.20824539197113348</v>
      </c>
      <c r="R47" s="316">
        <v>0.1073302284422981</v>
      </c>
      <c r="S47" s="321">
        <v>0.19288238879003944</v>
      </c>
      <c r="T47" s="316">
        <v>0.10484749149538072</v>
      </c>
      <c r="U47" s="321">
        <v>0.59887221923882739</v>
      </c>
      <c r="V47" s="316">
        <v>0.1258321313584124</v>
      </c>
      <c r="W47" s="320">
        <v>54</v>
      </c>
      <c r="X47" s="321">
        <v>0.39937278598648684</v>
      </c>
      <c r="Y47" s="316">
        <v>0.12898079780333754</v>
      </c>
      <c r="Z47" s="321">
        <v>0.18596380175262375</v>
      </c>
      <c r="AA47" s="316">
        <v>0.1065168905318411</v>
      </c>
      <c r="AB47" s="321">
        <v>0.41466341226088999</v>
      </c>
      <c r="AC47" s="316">
        <v>0.12963808774152027</v>
      </c>
      <c r="AD47" s="320">
        <v>60</v>
      </c>
      <c r="AE47" s="321">
        <v>0.47163639301878113</v>
      </c>
      <c r="AF47" s="316">
        <v>0.12482310608884316</v>
      </c>
      <c r="AG47" s="321">
        <v>0.16103744549264032</v>
      </c>
      <c r="AH47" s="316">
        <v>9.6506971031220801E-2</v>
      </c>
      <c r="AI47" s="321">
        <v>0.36732616148857899</v>
      </c>
      <c r="AJ47" s="316">
        <v>0.1210705338927438</v>
      </c>
      <c r="AK47" s="320">
        <v>58</v>
      </c>
      <c r="AL47" s="321">
        <v>0.48424494655728156</v>
      </c>
      <c r="AM47" s="316">
        <v>0.12694493947853475</v>
      </c>
      <c r="AN47" s="321">
        <v>0.22276422568337087</v>
      </c>
      <c r="AO47" s="316">
        <v>0.10857962364623938</v>
      </c>
      <c r="AP47" s="321">
        <v>0.29299082775934815</v>
      </c>
      <c r="AQ47" s="316">
        <v>0.11708784358738129</v>
      </c>
      <c r="AR47" s="320">
        <v>61</v>
      </c>
      <c r="AS47" s="321">
        <v>0.57174778620708055</v>
      </c>
      <c r="AT47" s="316">
        <v>0.12290492369182852</v>
      </c>
      <c r="AU47" s="321">
        <v>0.22974859561095587</v>
      </c>
      <c r="AV47" s="316">
        <v>0.1068936544881286</v>
      </c>
      <c r="AW47" s="321">
        <v>0.19850361818196385</v>
      </c>
      <c r="AX47" s="316">
        <v>0.1022646327354515</v>
      </c>
      <c r="AY47" s="320">
        <v>56</v>
      </c>
      <c r="AZ47" s="321">
        <v>0.1920437916906251</v>
      </c>
      <c r="BA47" s="316">
        <v>0.10563661382331234</v>
      </c>
      <c r="BB47" s="321">
        <v>0.1592554523825371</v>
      </c>
      <c r="BC47" s="316">
        <v>9.9618617984298996E-2</v>
      </c>
      <c r="BD47" s="321">
        <v>0.64870075592683818</v>
      </c>
      <c r="BE47" s="316">
        <v>0.12402635884312863</v>
      </c>
      <c r="BF47" s="320">
        <v>60</v>
      </c>
      <c r="BG47" s="321">
        <v>0.49185450814720189</v>
      </c>
      <c r="BH47" s="316">
        <v>0.12498542050381284</v>
      </c>
      <c r="BI47" s="321">
        <v>0.16709496531767065</v>
      </c>
      <c r="BJ47" s="316">
        <v>9.7658379381422494E-2</v>
      </c>
      <c r="BK47" s="321">
        <v>0.34105052653512757</v>
      </c>
      <c r="BL47" s="316">
        <v>0.11931955273073248</v>
      </c>
      <c r="BM47" s="320">
        <v>64</v>
      </c>
      <c r="BN47" s="321">
        <v>0.7397272484154207</v>
      </c>
      <c r="BO47" s="316">
        <v>0.10821902302663505</v>
      </c>
      <c r="BP47" s="321">
        <v>0.12045344389649891</v>
      </c>
      <c r="BQ47" s="316">
        <v>8.485061813758045E-2</v>
      </c>
      <c r="BR47" s="321">
        <v>0.1398193076880806</v>
      </c>
      <c r="BS47" s="316">
        <v>8.9140782264001212E-2</v>
      </c>
      <c r="BT47" s="320">
        <v>53</v>
      </c>
      <c r="BU47" s="321">
        <v>0.33683431348814041</v>
      </c>
      <c r="BV47" s="316">
        <v>0.12620852094511875</v>
      </c>
      <c r="BW47" s="321">
        <v>0.27312238710202957</v>
      </c>
      <c r="BX47" s="316">
        <v>0.12008692963719432</v>
      </c>
      <c r="BY47" s="321">
        <v>0.3900432994098304</v>
      </c>
      <c r="BZ47" s="316">
        <v>0.12965457272188538</v>
      </c>
    </row>
    <row r="48" spans="1:78">
      <c r="A48" s="44" t="s">
        <v>541</v>
      </c>
      <c r="B48" s="210">
        <v>54</v>
      </c>
      <c r="C48" s="214">
        <v>0.24518933875397078</v>
      </c>
      <c r="D48" s="92">
        <v>0.11558497778772149</v>
      </c>
      <c r="E48" s="214">
        <v>0.35215918672911073</v>
      </c>
      <c r="F48" s="92">
        <v>0.12623292178076589</v>
      </c>
      <c r="G48" s="214">
        <v>0.40265147451691857</v>
      </c>
      <c r="H48" s="92">
        <v>0.12913113539264864</v>
      </c>
      <c r="I48" s="210">
        <v>52</v>
      </c>
      <c r="J48" s="214">
        <v>0.2538092992386346</v>
      </c>
      <c r="K48" s="92">
        <v>0.11884547484168474</v>
      </c>
      <c r="L48" s="214">
        <v>0.30638365417855667</v>
      </c>
      <c r="M48" s="92">
        <v>0.12469298754571043</v>
      </c>
      <c r="N48" s="214">
        <v>0.43980704658280861</v>
      </c>
      <c r="O48" s="92">
        <v>0.13279305099427316</v>
      </c>
      <c r="P48" s="210">
        <v>51</v>
      </c>
      <c r="Q48" s="214">
        <v>0.35614186351316113</v>
      </c>
      <c r="R48" s="92">
        <v>0.12995260118712937</v>
      </c>
      <c r="S48" s="214">
        <v>0.26476643473105066</v>
      </c>
      <c r="T48" s="92">
        <v>0.12133235864752774</v>
      </c>
      <c r="U48" s="214">
        <v>0.37909170175578788</v>
      </c>
      <c r="V48" s="92">
        <v>0.13140644347583624</v>
      </c>
      <c r="W48" s="210">
        <v>47</v>
      </c>
      <c r="X48" s="214">
        <v>0.44322654035209014</v>
      </c>
      <c r="Y48" s="92">
        <v>0.13925925905218337</v>
      </c>
      <c r="Z48" s="214">
        <v>0.19475082065391267</v>
      </c>
      <c r="AA48" s="92">
        <v>0.11576371178020343</v>
      </c>
      <c r="AB48" s="214">
        <v>0.36202263899399684</v>
      </c>
      <c r="AC48" s="92">
        <v>0.13542422859577224</v>
      </c>
      <c r="AD48" s="210">
        <v>54</v>
      </c>
      <c r="AE48" s="214">
        <v>0.42961907205221012</v>
      </c>
      <c r="AF48" s="92">
        <v>0.13017394277792674</v>
      </c>
      <c r="AG48" s="214">
        <v>0.24663194591775572</v>
      </c>
      <c r="AH48" s="92">
        <v>0.11577440439020646</v>
      </c>
      <c r="AI48" s="214">
        <v>0.32374898203003377</v>
      </c>
      <c r="AJ48" s="92">
        <v>0.12403352619959737</v>
      </c>
      <c r="AK48" s="210">
        <v>46</v>
      </c>
      <c r="AL48" s="214">
        <v>0.3591202539299676</v>
      </c>
      <c r="AM48" s="92">
        <v>0.13658738218310698</v>
      </c>
      <c r="AN48" s="214">
        <v>0.32032928591908871</v>
      </c>
      <c r="AO48" s="92">
        <v>0.13346966185982526</v>
      </c>
      <c r="AP48" s="214">
        <v>0.32055046015094357</v>
      </c>
      <c r="AQ48" s="92">
        <v>0.13348980813387515</v>
      </c>
      <c r="AR48" s="210">
        <v>58</v>
      </c>
      <c r="AS48" s="214">
        <v>0.65513009515517395</v>
      </c>
      <c r="AT48" s="92">
        <v>0.12153313410727704</v>
      </c>
      <c r="AU48" s="214">
        <v>0.17822537397134841</v>
      </c>
      <c r="AV48" s="92">
        <v>0.10140623706352707</v>
      </c>
      <c r="AW48" s="214">
        <v>0.16664453087347725</v>
      </c>
      <c r="AX48" s="92">
        <v>9.9271673621355611E-2</v>
      </c>
      <c r="AY48" s="210">
        <v>50</v>
      </c>
      <c r="AZ48" s="214">
        <v>0.10536597064092572</v>
      </c>
      <c r="BA48" s="92">
        <v>9.2888410470656171E-2</v>
      </c>
      <c r="BB48" s="214">
        <v>0.36551011551579132</v>
      </c>
      <c r="BC48" s="92">
        <v>0.13179469421132545</v>
      </c>
      <c r="BD48" s="214">
        <v>0.52912391384328283</v>
      </c>
      <c r="BE48" s="92">
        <v>0.13588470145035408</v>
      </c>
      <c r="BF48" s="210">
        <v>56</v>
      </c>
      <c r="BG48" s="214">
        <v>0.41338192230803911</v>
      </c>
      <c r="BH48" s="92">
        <v>0.12740076456415977</v>
      </c>
      <c r="BI48" s="214">
        <v>0.2897293313726696</v>
      </c>
      <c r="BJ48" s="92">
        <v>0.11873918408361402</v>
      </c>
      <c r="BK48" s="214">
        <v>0.29688874631929107</v>
      </c>
      <c r="BL48" s="92">
        <v>0.11946073949971352</v>
      </c>
      <c r="BM48" s="210">
        <v>59</v>
      </c>
      <c r="BN48" s="214">
        <v>0.68840961912272514</v>
      </c>
      <c r="BO48" s="92">
        <v>0.11788248644726874</v>
      </c>
      <c r="BP48" s="214">
        <v>0.1118368762208394</v>
      </c>
      <c r="BQ48" s="92">
        <v>8.6503427065668229E-2</v>
      </c>
      <c r="BR48" s="214">
        <v>0.19975350465643502</v>
      </c>
      <c r="BS48" s="92">
        <v>0.10417811168511866</v>
      </c>
      <c r="BT48" s="210">
        <v>35</v>
      </c>
      <c r="BU48" s="214">
        <v>0.31761987858553492</v>
      </c>
      <c r="BV48" s="92">
        <v>0.15130565720467387</v>
      </c>
      <c r="BW48" s="214">
        <v>0.35074801100511005</v>
      </c>
      <c r="BX48" s="92">
        <v>0.15427547124910904</v>
      </c>
      <c r="BY48" s="214">
        <v>0.33163211040935509</v>
      </c>
      <c r="BZ48" s="92">
        <v>0.15264135102529547</v>
      </c>
    </row>
    <row r="49" spans="1:78">
      <c r="A49" s="40" t="s">
        <v>542</v>
      </c>
      <c r="B49" s="320">
        <v>87</v>
      </c>
      <c r="C49" s="321">
        <v>0.46899990071161235</v>
      </c>
      <c r="D49" s="316">
        <v>0.10464416337226404</v>
      </c>
      <c r="E49" s="321">
        <v>0.16412735454755004</v>
      </c>
      <c r="F49" s="316">
        <v>8.0353341108832216E-2</v>
      </c>
      <c r="G49" s="321">
        <v>0.36687274474083809</v>
      </c>
      <c r="H49" s="316">
        <v>0.10137536495955859</v>
      </c>
      <c r="I49" s="320">
        <v>87</v>
      </c>
      <c r="J49" s="321">
        <v>0.40610509928701782</v>
      </c>
      <c r="K49" s="316">
        <v>0.10312518128552273</v>
      </c>
      <c r="L49" s="321">
        <v>0.2297740174978406</v>
      </c>
      <c r="M49" s="316">
        <v>8.9750901579852188E-2</v>
      </c>
      <c r="N49" s="321">
        <v>0.36412088321514169</v>
      </c>
      <c r="O49" s="316">
        <v>0.10122856849688358</v>
      </c>
      <c r="P49" s="320">
        <v>79</v>
      </c>
      <c r="Q49" s="321">
        <v>0.38506729091266628</v>
      </c>
      <c r="R49" s="316">
        <v>0.1071049480064241</v>
      </c>
      <c r="S49" s="321">
        <v>0.2558002269208241</v>
      </c>
      <c r="T49" s="316">
        <v>9.7183413583585426E-2</v>
      </c>
      <c r="U49" s="321">
        <v>0.35913248216651006</v>
      </c>
      <c r="V49" s="316">
        <v>0.10574415506642322</v>
      </c>
      <c r="W49" s="320">
        <v>86</v>
      </c>
      <c r="X49" s="321">
        <v>0.42431805284205937</v>
      </c>
      <c r="Y49" s="316">
        <v>0.10430086028258292</v>
      </c>
      <c r="Z49" s="321">
        <v>0.13490852588773911</v>
      </c>
      <c r="AA49" s="316">
        <v>7.5511023988782927E-2</v>
      </c>
      <c r="AB49" s="321">
        <v>0.44077342127020197</v>
      </c>
      <c r="AC49" s="316">
        <v>0.10473184525856956</v>
      </c>
      <c r="AD49" s="320">
        <v>89</v>
      </c>
      <c r="AE49" s="321">
        <v>0.49507210008852631</v>
      </c>
      <c r="AF49" s="316">
        <v>0.10369055697650015</v>
      </c>
      <c r="AG49" s="321">
        <v>0.14604026357377176</v>
      </c>
      <c r="AH49" s="316">
        <v>7.627289755679198E-2</v>
      </c>
      <c r="AI49" s="321">
        <v>0.35888763633770226</v>
      </c>
      <c r="AJ49" s="316">
        <v>9.9841462325607769E-2</v>
      </c>
      <c r="AK49" s="320">
        <v>81</v>
      </c>
      <c r="AL49" s="321">
        <v>0.46567593663635604</v>
      </c>
      <c r="AM49" s="316">
        <v>0.10823289345198291</v>
      </c>
      <c r="AN49" s="321">
        <v>0.14306009843977174</v>
      </c>
      <c r="AO49" s="316">
        <v>7.9499292906126201E-2</v>
      </c>
      <c r="AP49" s="321">
        <v>0.3912639649238725</v>
      </c>
      <c r="AQ49" s="316">
        <v>0.10611050698629301</v>
      </c>
      <c r="AR49" s="320">
        <v>93</v>
      </c>
      <c r="AS49" s="321">
        <v>0.69690336144159004</v>
      </c>
      <c r="AT49" s="316">
        <v>9.4019243277495224E-2</v>
      </c>
      <c r="AU49" s="321">
        <v>0.16106291459552322</v>
      </c>
      <c r="AV49" s="316">
        <v>7.7166523503558945E-2</v>
      </c>
      <c r="AW49" s="321">
        <v>0.14203372396288691</v>
      </c>
      <c r="AX49" s="316">
        <v>7.3837514256033479E-2</v>
      </c>
      <c r="AY49" s="320">
        <v>78</v>
      </c>
      <c r="AZ49" s="321">
        <v>0.26385275162905275</v>
      </c>
      <c r="BA49" s="316">
        <v>9.8659878874114731E-2</v>
      </c>
      <c r="BB49" s="321">
        <v>0.16795748073130062</v>
      </c>
      <c r="BC49" s="316">
        <v>8.5608790239453031E-2</v>
      </c>
      <c r="BD49" s="321">
        <v>0.5681897676396469</v>
      </c>
      <c r="BE49" s="316">
        <v>0.10949835380748808</v>
      </c>
      <c r="BF49" s="320">
        <v>94</v>
      </c>
      <c r="BG49" s="321">
        <v>0.49231008379782659</v>
      </c>
      <c r="BH49" s="316">
        <v>0.10100426218595418</v>
      </c>
      <c r="BI49" s="321">
        <v>0.22327603865785739</v>
      </c>
      <c r="BJ49" s="316">
        <v>8.5606453553775025E-2</v>
      </c>
      <c r="BK49" s="321">
        <v>0.28441387754431607</v>
      </c>
      <c r="BL49" s="316">
        <v>9.1971438623249371E-2</v>
      </c>
      <c r="BM49" s="320">
        <v>90</v>
      </c>
      <c r="BN49" s="321">
        <v>0.72536241019748848</v>
      </c>
      <c r="BO49" s="316">
        <v>9.304362267682259E-2</v>
      </c>
      <c r="BP49" s="321">
        <v>0.1343513216266039</v>
      </c>
      <c r="BQ49" s="316">
        <v>7.3640177501938561E-2</v>
      </c>
      <c r="BR49" s="321">
        <v>0.14028626817590817</v>
      </c>
      <c r="BS49" s="316">
        <v>7.4771703760998953E-2</v>
      </c>
      <c r="BT49" s="320">
        <v>72</v>
      </c>
      <c r="BU49" s="321">
        <v>0.47692206715377344</v>
      </c>
      <c r="BV49" s="316">
        <v>0.11459815280571278</v>
      </c>
      <c r="BW49" s="321">
        <v>0.17217181418873889</v>
      </c>
      <c r="BX49" s="316">
        <v>8.989577197663956E-2</v>
      </c>
      <c r="BY49" s="321">
        <v>0.35090611865748778</v>
      </c>
      <c r="BZ49" s="316">
        <v>0.11003571946726505</v>
      </c>
    </row>
    <row r="50" spans="1:78">
      <c r="A50" s="44" t="s">
        <v>547</v>
      </c>
      <c r="B50" s="210">
        <v>31</v>
      </c>
      <c r="C50" s="214">
        <v>0.51620595407642256</v>
      </c>
      <c r="D50" s="92">
        <v>0.16896118476742114</v>
      </c>
      <c r="E50" s="214">
        <v>0.21989494879322946</v>
      </c>
      <c r="F50" s="92">
        <v>0.14675532245269285</v>
      </c>
      <c r="G50" s="214">
        <v>0.26389909713034793</v>
      </c>
      <c r="H50" s="92">
        <v>0.15353722158565783</v>
      </c>
      <c r="I50" s="210">
        <v>31</v>
      </c>
      <c r="J50" s="214">
        <v>0.29715313867612375</v>
      </c>
      <c r="K50" s="92">
        <v>0.1577414581643766</v>
      </c>
      <c r="L50" s="214">
        <v>0.28894214690528425</v>
      </c>
      <c r="M50" s="92">
        <v>0.15677265600924353</v>
      </c>
      <c r="N50" s="214">
        <v>0.41390471441859206</v>
      </c>
      <c r="O50" s="92">
        <v>0.1670534727904574</v>
      </c>
      <c r="P50" s="210">
        <v>27</v>
      </c>
      <c r="Q50" s="214">
        <v>0.48304955286266799</v>
      </c>
      <c r="R50" s="92">
        <v>0.17952699327618385</v>
      </c>
      <c r="S50" s="214">
        <v>0.2151419362553606</v>
      </c>
      <c r="T50" s="92">
        <v>0.15593435592421914</v>
      </c>
      <c r="U50" s="214">
        <v>0.30180851088197153</v>
      </c>
      <c r="V50" s="92">
        <v>0.16856238058084175</v>
      </c>
      <c r="W50" s="210">
        <v>30</v>
      </c>
      <c r="X50" s="214">
        <v>0.51711081188527075</v>
      </c>
      <c r="Y50" s="92">
        <v>0.17142038357216005</v>
      </c>
      <c r="Z50" s="214">
        <v>0.14039761379678839</v>
      </c>
      <c r="AA50" s="92">
        <v>0.13254216057030485</v>
      </c>
      <c r="AB50" s="214">
        <v>0.34249157431794103</v>
      </c>
      <c r="AC50" s="92">
        <v>0.16474047654964624</v>
      </c>
      <c r="AD50" s="210">
        <v>31</v>
      </c>
      <c r="AE50" s="214">
        <v>0.51472574194628651</v>
      </c>
      <c r="AF50" s="92">
        <v>0.16897333191716898</v>
      </c>
      <c r="AG50" s="214">
        <v>0.20059081544716117</v>
      </c>
      <c r="AH50" s="92">
        <v>0.14329738817071935</v>
      </c>
      <c r="AI50" s="214">
        <v>0.28468344260655237</v>
      </c>
      <c r="AJ50" s="92">
        <v>0.15625257797067635</v>
      </c>
      <c r="AK50" s="210">
        <v>31</v>
      </c>
      <c r="AL50" s="214">
        <v>0.50064823343146436</v>
      </c>
      <c r="AM50" s="92">
        <v>0.16903073950437858</v>
      </c>
      <c r="AN50" s="214">
        <v>0.15277510297532446</v>
      </c>
      <c r="AO50" s="92">
        <v>0.13327431923524016</v>
      </c>
      <c r="AP50" s="214">
        <v>0.34657666359321126</v>
      </c>
      <c r="AQ50" s="92">
        <v>0.16266850225625273</v>
      </c>
      <c r="AR50" s="210">
        <v>34</v>
      </c>
      <c r="AS50" s="214">
        <v>0.78089711126006989</v>
      </c>
      <c r="AT50" s="92">
        <v>0.14023804447833718</v>
      </c>
      <c r="AU50" s="214">
        <v>0.1576315985542126</v>
      </c>
      <c r="AV50" s="92">
        <v>0.12821124118267338</v>
      </c>
      <c r="AW50" s="214">
        <v>6.1471290185717627E-2</v>
      </c>
      <c r="AX50" s="92">
        <v>0.1005498122287769</v>
      </c>
      <c r="AY50" s="210">
        <v>27</v>
      </c>
      <c r="AZ50" s="214">
        <v>0.40286620325695105</v>
      </c>
      <c r="BA50" s="92">
        <v>0.17701568062788683</v>
      </c>
      <c r="BB50" s="214">
        <v>0.13710921121176842</v>
      </c>
      <c r="BC50" s="92">
        <v>0.13916904347345802</v>
      </c>
      <c r="BD50" s="214">
        <v>0.46002458553128073</v>
      </c>
      <c r="BE50" s="92">
        <v>0.17916932192268828</v>
      </c>
      <c r="BF50" s="210">
        <v>33</v>
      </c>
      <c r="BG50" s="214">
        <v>0.5516483700402659</v>
      </c>
      <c r="BH50" s="92">
        <v>0.16369980358215525</v>
      </c>
      <c r="BI50" s="214">
        <v>0.21088508047960061</v>
      </c>
      <c r="BJ50" s="92">
        <v>0.14085016223952121</v>
      </c>
      <c r="BK50" s="214">
        <v>0.23746654948013343</v>
      </c>
      <c r="BL50" s="92">
        <v>0.14525768183227328</v>
      </c>
      <c r="BM50" s="210">
        <v>31</v>
      </c>
      <c r="BN50" s="214">
        <v>0.77966495345579989</v>
      </c>
      <c r="BO50" s="92">
        <v>0.14683055449615121</v>
      </c>
      <c r="BP50" s="214">
        <v>5.3586538047209399E-2</v>
      </c>
      <c r="BQ50" s="92">
        <v>0.10346177623216356</v>
      </c>
      <c r="BR50" s="214">
        <v>0.16674850849699091</v>
      </c>
      <c r="BS50" s="92">
        <v>0.13643512936237262</v>
      </c>
      <c r="BT50" s="210">
        <v>23</v>
      </c>
      <c r="BU50" s="214">
        <v>0.5594329013248539</v>
      </c>
      <c r="BV50" s="92">
        <v>0.19146097286356289</v>
      </c>
      <c r="BW50" s="214">
        <v>0.20336616277584721</v>
      </c>
      <c r="BX50" s="92">
        <v>0.16606501735480983</v>
      </c>
      <c r="BY50" s="214">
        <v>0.23720093589929889</v>
      </c>
      <c r="BZ50" s="92">
        <v>0.17208269868453255</v>
      </c>
    </row>
    <row r="51" spans="1:78">
      <c r="A51" s="40" t="s">
        <v>548</v>
      </c>
      <c r="B51" s="320">
        <v>31</v>
      </c>
      <c r="C51" s="321">
        <v>0.43358717593739832</v>
      </c>
      <c r="D51" s="316">
        <v>0.16785704112263108</v>
      </c>
      <c r="E51" s="321">
        <v>0.10079581285893155</v>
      </c>
      <c r="F51" s="316">
        <v>0.11951357674234726</v>
      </c>
      <c r="G51" s="321">
        <v>0.46561701120367038</v>
      </c>
      <c r="H51" s="316">
        <v>0.16871703583118788</v>
      </c>
      <c r="I51" s="320">
        <v>27</v>
      </c>
      <c r="J51" s="321">
        <v>0.2684890225433112</v>
      </c>
      <c r="K51" s="316">
        <v>0.16435283747989071</v>
      </c>
      <c r="L51" s="321">
        <v>0.13571227966557348</v>
      </c>
      <c r="M51" s="316">
        <v>0.13881135542875681</v>
      </c>
      <c r="N51" s="321">
        <v>0.59579869779111549</v>
      </c>
      <c r="O51" s="316">
        <v>0.17708688262943403</v>
      </c>
      <c r="P51" s="320">
        <v>26</v>
      </c>
      <c r="Q51" s="321">
        <v>0.15171476639483583</v>
      </c>
      <c r="R51" s="316">
        <v>0.14555102947919193</v>
      </c>
      <c r="S51" s="321">
        <v>9.5976045419290792E-2</v>
      </c>
      <c r="T51" s="316">
        <v>0.13032887143739352</v>
      </c>
      <c r="U51" s="321">
        <v>0.75230918818587345</v>
      </c>
      <c r="V51" s="316">
        <v>0.16418864025509836</v>
      </c>
      <c r="W51" s="320">
        <v>25</v>
      </c>
      <c r="X51" s="321">
        <v>0.14358889886840673</v>
      </c>
      <c r="Y51" s="316">
        <v>0.14649790121322551</v>
      </c>
      <c r="Z51" s="321">
        <v>0.10556530208622926</v>
      </c>
      <c r="AA51" s="316">
        <v>0.13614376729129174</v>
      </c>
      <c r="AB51" s="321">
        <v>0.75084579904536397</v>
      </c>
      <c r="AC51" s="316">
        <v>0.16742986335656745</v>
      </c>
      <c r="AD51" s="320">
        <v>32</v>
      </c>
      <c r="AE51" s="321">
        <v>0.49019724368635098</v>
      </c>
      <c r="AF51" s="316">
        <v>0.16664135602870714</v>
      </c>
      <c r="AG51" s="321">
        <v>0.12414626194578306</v>
      </c>
      <c r="AH51" s="316">
        <v>0.12399928052914759</v>
      </c>
      <c r="AI51" s="321">
        <v>0.38565649436786636</v>
      </c>
      <c r="AJ51" s="316">
        <v>0.16318686644476244</v>
      </c>
      <c r="AK51" s="320">
        <v>30</v>
      </c>
      <c r="AL51" s="321">
        <v>0.49851260870414776</v>
      </c>
      <c r="AM51" s="316">
        <v>0.17149799436162816</v>
      </c>
      <c r="AN51" s="321">
        <v>0.22859872933396447</v>
      </c>
      <c r="AO51" s="316">
        <v>0.15054930808119429</v>
      </c>
      <c r="AP51" s="321">
        <v>0.27288866196188821</v>
      </c>
      <c r="AQ51" s="316">
        <v>0.15712224660657639</v>
      </c>
      <c r="AR51" s="320">
        <v>34</v>
      </c>
      <c r="AS51" s="321">
        <v>0.49570350889081405</v>
      </c>
      <c r="AT51" s="316">
        <v>0.16221662641252058</v>
      </c>
      <c r="AU51" s="321">
        <v>0.11554332894945833</v>
      </c>
      <c r="AV51" s="316">
        <v>0.11772964880377974</v>
      </c>
      <c r="AW51" s="321">
        <v>0.38875316215972799</v>
      </c>
      <c r="AX51" s="316">
        <v>0.15897449528144025</v>
      </c>
      <c r="AY51" s="320">
        <v>25</v>
      </c>
      <c r="AZ51" s="321">
        <v>0.16888451420886899</v>
      </c>
      <c r="BA51" s="316">
        <v>0.15246096322080027</v>
      </c>
      <c r="BB51" s="321">
        <v>0.21576441457977841</v>
      </c>
      <c r="BC51" s="316">
        <v>0.16186838727234282</v>
      </c>
      <c r="BD51" s="321">
        <v>0.61535107121135257</v>
      </c>
      <c r="BE51" s="316">
        <v>0.18198581654533943</v>
      </c>
      <c r="BF51" s="320">
        <v>33</v>
      </c>
      <c r="BG51" s="321">
        <v>0.44658408583344594</v>
      </c>
      <c r="BH51" s="316">
        <v>0.16365101764693066</v>
      </c>
      <c r="BI51" s="321">
        <v>9.5524443979847509E-2</v>
      </c>
      <c r="BJ51" s="316">
        <v>0.11383275650669349</v>
      </c>
      <c r="BK51" s="321">
        <v>0.45789147018670684</v>
      </c>
      <c r="BL51" s="316">
        <v>0.16393457086758206</v>
      </c>
      <c r="BM51" s="320">
        <v>34</v>
      </c>
      <c r="BN51" s="321">
        <v>0.16114134742541872</v>
      </c>
      <c r="BO51" s="316">
        <v>0.12899458813557799</v>
      </c>
      <c r="BP51" s="321">
        <v>9.7426692494863062E-2</v>
      </c>
      <c r="BQ51" s="316">
        <v>0.11251105153458375</v>
      </c>
      <c r="BR51" s="321">
        <v>0.74143196007971857</v>
      </c>
      <c r="BS51" s="316">
        <v>0.14630040962278398</v>
      </c>
      <c r="BT51" s="320">
        <v>23</v>
      </c>
      <c r="BU51" s="321">
        <v>0.40528770623238303</v>
      </c>
      <c r="BV51" s="316">
        <v>0.18992809617941497</v>
      </c>
      <c r="BW51" s="321">
        <v>0.15153043101432404</v>
      </c>
      <c r="BX51" s="316">
        <v>0.15486355949277641</v>
      </c>
      <c r="BY51" s="321">
        <v>0.44318186275329291</v>
      </c>
      <c r="BZ51" s="316">
        <v>0.19154629205098248</v>
      </c>
    </row>
    <row r="52" spans="1:78">
      <c r="A52" s="44" t="s">
        <v>549</v>
      </c>
      <c r="B52" s="210">
        <v>26</v>
      </c>
      <c r="C52" s="214">
        <v>0.28349322750126155</v>
      </c>
      <c r="D52" s="92">
        <v>0.16923022959289574</v>
      </c>
      <c r="E52" s="214">
        <v>0.28267389871176857</v>
      </c>
      <c r="F52" s="92">
        <v>0.16912502112996614</v>
      </c>
      <c r="G52" s="214">
        <v>0.43383287378696977</v>
      </c>
      <c r="H52" s="92">
        <v>0.18136944579638267</v>
      </c>
      <c r="I52" s="210">
        <v>31</v>
      </c>
      <c r="J52" s="214">
        <v>0.31475300861064626</v>
      </c>
      <c r="K52" s="92">
        <v>0.1596707672874694</v>
      </c>
      <c r="L52" s="214">
        <v>0.186504827150894</v>
      </c>
      <c r="M52" s="92">
        <v>0.1405706541584433</v>
      </c>
      <c r="N52" s="214">
        <v>0.49874216423845985</v>
      </c>
      <c r="O52" s="92">
        <v>0.16903043134936702</v>
      </c>
      <c r="P52" s="210">
        <v>27</v>
      </c>
      <c r="Q52" s="214">
        <v>0.49673465706147135</v>
      </c>
      <c r="R52" s="92">
        <v>0.17960239657012092</v>
      </c>
      <c r="S52" s="214">
        <v>6.0295786778635611E-3</v>
      </c>
      <c r="T52" s="92">
        <v>9.1510736853273475E-2</v>
      </c>
      <c r="U52" s="214">
        <v>0.49723576426066524</v>
      </c>
      <c r="V52" s="92">
        <v>0.17960321990578534</v>
      </c>
      <c r="W52" s="210">
        <v>25</v>
      </c>
      <c r="X52" s="214">
        <v>0.22922300216780533</v>
      </c>
      <c r="Y52" s="92">
        <v>0.16421649310589309</v>
      </c>
      <c r="Z52" s="214">
        <v>0.22680485205303458</v>
      </c>
      <c r="AA52" s="92">
        <v>0.16380543515072687</v>
      </c>
      <c r="AB52" s="214">
        <v>0.54397214577916031</v>
      </c>
      <c r="AC52" s="92">
        <v>0.1851609021313359</v>
      </c>
      <c r="AD52" s="210">
        <v>32</v>
      </c>
      <c r="AE52" s="214">
        <v>0.72403529973276082</v>
      </c>
      <c r="AF52" s="92">
        <v>0.15287695459411857</v>
      </c>
      <c r="AG52" s="214">
        <v>3.8672116344955085E-2</v>
      </c>
      <c r="AH52" s="92">
        <v>9.5360850735177069E-2</v>
      </c>
      <c r="AI52" s="214">
        <v>0.23729258392228392</v>
      </c>
      <c r="AJ52" s="92">
        <v>0.14737310258940578</v>
      </c>
      <c r="AK52" s="210">
        <v>31</v>
      </c>
      <c r="AL52" s="214">
        <v>0.48902196107867468</v>
      </c>
      <c r="AM52" s="92">
        <v>0.16899888600737492</v>
      </c>
      <c r="AN52" s="214">
        <v>0.19473315382142409</v>
      </c>
      <c r="AO52" s="92">
        <v>0.14218502417828699</v>
      </c>
      <c r="AP52" s="214">
        <v>0.31624488509990117</v>
      </c>
      <c r="AQ52" s="92">
        <v>0.1598252484447677</v>
      </c>
      <c r="AR52" s="210">
        <v>32</v>
      </c>
      <c r="AS52" s="214">
        <v>0.66229952839832218</v>
      </c>
      <c r="AT52" s="92">
        <v>0.15957835060709094</v>
      </c>
      <c r="AU52" s="214">
        <v>0.12206070872344743</v>
      </c>
      <c r="AV52" s="92">
        <v>0.12344151131073303</v>
      </c>
      <c r="AW52" s="214">
        <v>0.21563976287823014</v>
      </c>
      <c r="AX52" s="92">
        <v>0.14380157203276198</v>
      </c>
      <c r="AY52" s="210">
        <v>27</v>
      </c>
      <c r="AZ52" s="214">
        <v>0.24423331642490143</v>
      </c>
      <c r="BA52" s="92">
        <v>0.16079478558092691</v>
      </c>
      <c r="BB52" s="214">
        <v>0.2351015211104398</v>
      </c>
      <c r="BC52" s="92">
        <v>0.15934105869128012</v>
      </c>
      <c r="BD52" s="214">
        <v>0.52066516246465899</v>
      </c>
      <c r="BE52" s="92">
        <v>0.17948889701029849</v>
      </c>
      <c r="BF52" s="210">
        <v>29</v>
      </c>
      <c r="BG52" s="214">
        <v>0.51400401346474633</v>
      </c>
      <c r="BH52" s="92">
        <v>0.17402491937467474</v>
      </c>
      <c r="BI52" s="214">
        <v>6.4353496126335827E-2</v>
      </c>
      <c r="BJ52" s="92">
        <v>0.11197016405826328</v>
      </c>
      <c r="BK52" s="214">
        <v>0.4216424904089176</v>
      </c>
      <c r="BL52" s="92">
        <v>0.17241892303015677</v>
      </c>
      <c r="BM52" s="210">
        <v>31</v>
      </c>
      <c r="BN52" s="214">
        <v>0.43177866401457904</v>
      </c>
      <c r="BO52" s="92">
        <v>0.16779200262911267</v>
      </c>
      <c r="BP52" s="214">
        <v>8.1535977745142874E-2</v>
      </c>
      <c r="BQ52" s="92">
        <v>0.11345298064911093</v>
      </c>
      <c r="BR52" s="214">
        <v>0.48668535824027798</v>
      </c>
      <c r="BS52" s="92">
        <v>0.16898382877692175</v>
      </c>
      <c r="BT52" s="210">
        <v>23</v>
      </c>
      <c r="BU52" s="214">
        <v>0.417954015621891</v>
      </c>
      <c r="BV52" s="92">
        <v>0.1905606717040601</v>
      </c>
      <c r="BW52" s="214">
        <v>0.10916246184999258</v>
      </c>
      <c r="BX52" s="92">
        <v>0.14358057877158281</v>
      </c>
      <c r="BY52" s="214">
        <v>0.47288352252811672</v>
      </c>
      <c r="BZ52" s="92">
        <v>0.19224460728891946</v>
      </c>
    </row>
    <row r="53" spans="1:78">
      <c r="A53" s="40" t="s">
        <v>550</v>
      </c>
      <c r="B53" s="320">
        <v>12</v>
      </c>
      <c r="C53" s="321">
        <v>0.43595613226005736</v>
      </c>
      <c r="D53" s="316">
        <v>0.24884374637524104</v>
      </c>
      <c r="E53" s="321">
        <v>8.9981334426296813E-2</v>
      </c>
      <c r="F53" s="316">
        <v>0.1971263175657631</v>
      </c>
      <c r="G53" s="321">
        <v>0.47406253331364595</v>
      </c>
      <c r="H53" s="316">
        <v>0.24981071679364336</v>
      </c>
      <c r="I53" s="320">
        <v>12</v>
      </c>
      <c r="J53" s="321">
        <v>0.45657560870953029</v>
      </c>
      <c r="K53" s="316">
        <v>0.24946908939816165</v>
      </c>
      <c r="L53" s="321">
        <v>5.7736854087446068E-2</v>
      </c>
      <c r="M53" s="316">
        <v>0.18706740880243958</v>
      </c>
      <c r="N53" s="321">
        <v>0.48568753720302366</v>
      </c>
      <c r="O53" s="316">
        <v>0.24994238025612295</v>
      </c>
      <c r="P53" s="320">
        <v>9</v>
      </c>
      <c r="Q53" s="321">
        <v>0.30041742037154312</v>
      </c>
      <c r="R53" s="316">
        <v>0.26654966055391138</v>
      </c>
      <c r="S53" s="321">
        <v>0.1180835661821184</v>
      </c>
      <c r="T53" s="316">
        <v>0.23539864151259299</v>
      </c>
      <c r="U53" s="321">
        <v>0.58149901344633836</v>
      </c>
      <c r="V53" s="316">
        <v>0.27557855976882312</v>
      </c>
      <c r="W53" s="320">
        <v>10</v>
      </c>
      <c r="X53" s="321">
        <v>0.24012992980580414</v>
      </c>
      <c r="Y53" s="316">
        <v>0.24816162166819605</v>
      </c>
      <c r="Z53" s="321">
        <v>0.10473679608148152</v>
      </c>
      <c r="AA53" s="316">
        <v>0.22057670225668785</v>
      </c>
      <c r="AB53" s="321">
        <v>0.65513327411271449</v>
      </c>
      <c r="AC53" s="316">
        <v>0.26061534808859504</v>
      </c>
      <c r="AD53" s="320">
        <v>15</v>
      </c>
      <c r="AE53" s="321">
        <v>0.58834116602839237</v>
      </c>
      <c r="AF53" s="316">
        <v>0.22717297390713315</v>
      </c>
      <c r="AG53" s="321">
        <v>4.604729980892816E-2</v>
      </c>
      <c r="AH53" s="316">
        <v>0.15997441632386641</v>
      </c>
      <c r="AI53" s="321">
        <v>0.36561153416267961</v>
      </c>
      <c r="AJ53" s="316">
        <v>0.22419146207458124</v>
      </c>
      <c r="AK53" s="320">
        <v>13</v>
      </c>
      <c r="AL53" s="321">
        <v>0.63793456370758184</v>
      </c>
      <c r="AM53" s="316">
        <v>0.23707735249486139</v>
      </c>
      <c r="AN53" s="321">
        <v>0</v>
      </c>
      <c r="AO53" s="316">
        <v>0.1562849798011933</v>
      </c>
      <c r="AP53" s="321">
        <v>0.36206543629241827</v>
      </c>
      <c r="AQ53" s="316">
        <v>0.23707735249486139</v>
      </c>
      <c r="AR53" s="320">
        <v>12</v>
      </c>
      <c r="AS53" s="321">
        <v>0.40912891916512206</v>
      </c>
      <c r="AT53" s="316">
        <v>0.2476666743077752</v>
      </c>
      <c r="AU53" s="321">
        <v>6.2323940416746104E-2</v>
      </c>
      <c r="AV53" s="316">
        <v>0.18857844031931892</v>
      </c>
      <c r="AW53" s="321">
        <v>0.52854714041813178</v>
      </c>
      <c r="AX53" s="316">
        <v>0.24977069317943681</v>
      </c>
      <c r="AY53" s="320">
        <v>4</v>
      </c>
      <c r="AZ53" s="321">
        <v>0.23265690021055499</v>
      </c>
      <c r="BA53" s="316">
        <v>0.34068454378555441</v>
      </c>
      <c r="BB53" s="321">
        <v>0</v>
      </c>
      <c r="BC53" s="316">
        <v>0.30618621784789724</v>
      </c>
      <c r="BD53" s="321">
        <v>0.76734309978944504</v>
      </c>
      <c r="BE53" s="316">
        <v>0.34068454378555441</v>
      </c>
      <c r="BF53" s="320">
        <v>13</v>
      </c>
      <c r="BG53" s="321">
        <v>0.51652974508933913</v>
      </c>
      <c r="BH53" s="316">
        <v>0.24245810818615049</v>
      </c>
      <c r="BI53" s="321">
        <v>0</v>
      </c>
      <c r="BJ53" s="316">
        <v>0.1562849798011933</v>
      </c>
      <c r="BK53" s="321">
        <v>0.48347025491066092</v>
      </c>
      <c r="BL53" s="316">
        <v>0.24245810818615049</v>
      </c>
      <c r="BM53" s="320">
        <v>13</v>
      </c>
      <c r="BN53" s="321">
        <v>0.24854213961711355</v>
      </c>
      <c r="BO53" s="316">
        <v>0.22388235041798993</v>
      </c>
      <c r="BP53" s="321">
        <v>0</v>
      </c>
      <c r="BQ53" s="316">
        <v>0.1562849798011933</v>
      </c>
      <c r="BR53" s="321">
        <v>0.75145786038288653</v>
      </c>
      <c r="BS53" s="316">
        <v>0.2238823504179899</v>
      </c>
      <c r="BT53" s="320">
        <v>8</v>
      </c>
      <c r="BU53" s="321">
        <v>0.36211781039580804</v>
      </c>
      <c r="BV53" s="316">
        <v>0.28375485031976655</v>
      </c>
      <c r="BW53" s="321">
        <v>0</v>
      </c>
      <c r="BX53" s="316">
        <v>0.21516574145596762</v>
      </c>
      <c r="BY53" s="321">
        <v>0.63788218960419218</v>
      </c>
      <c r="BZ53" s="316">
        <v>0.28375485031976655</v>
      </c>
    </row>
    <row r="54" spans="1:78">
      <c r="A54" s="44" t="s">
        <v>551</v>
      </c>
      <c r="B54" s="210">
        <v>12</v>
      </c>
      <c r="C54" s="214">
        <v>6.5971645262884959E-2</v>
      </c>
      <c r="D54" s="92">
        <v>0.18976031286030187</v>
      </c>
      <c r="E54" s="214">
        <v>0.1523395402669725</v>
      </c>
      <c r="F54" s="92">
        <v>0.21331424305777658</v>
      </c>
      <c r="G54" s="214">
        <v>0.78168881447014238</v>
      </c>
      <c r="H54" s="92">
        <v>0.22658685924985433</v>
      </c>
      <c r="I54" s="210">
        <v>12</v>
      </c>
      <c r="J54" s="214">
        <v>9.3672721419100533E-2</v>
      </c>
      <c r="K54" s="92">
        <v>0.19819826264253998</v>
      </c>
      <c r="L54" s="214">
        <v>0.25053309167924703</v>
      </c>
      <c r="M54" s="92">
        <v>0.23183696975447415</v>
      </c>
      <c r="N54" s="214">
        <v>0.65579418690165259</v>
      </c>
      <c r="O54" s="92">
        <v>0.24307771204483392</v>
      </c>
      <c r="P54" s="210">
        <v>12</v>
      </c>
      <c r="Q54" s="214">
        <v>7.1401894231756802E-2</v>
      </c>
      <c r="R54" s="92">
        <v>0.19148812681807389</v>
      </c>
      <c r="S54" s="214">
        <v>0.37932238044333694</v>
      </c>
      <c r="T54" s="92">
        <v>0.24587001803681871</v>
      </c>
      <c r="U54" s="214">
        <v>0.54927572532490621</v>
      </c>
      <c r="V54" s="92">
        <v>0.24931616242118596</v>
      </c>
      <c r="W54" s="210">
        <v>8</v>
      </c>
      <c r="X54" s="214">
        <v>0.22551725839615616</v>
      </c>
      <c r="Y54" s="92">
        <v>0.26864797965384823</v>
      </c>
      <c r="Z54" s="214">
        <v>0.13087952259529317</v>
      </c>
      <c r="AA54" s="92">
        <v>0.25129297440784909</v>
      </c>
      <c r="AB54" s="214">
        <v>0.64360321900855066</v>
      </c>
      <c r="AC54" s="92">
        <v>0.28333414783945204</v>
      </c>
      <c r="AD54" s="210">
        <v>13</v>
      </c>
      <c r="AE54" s="214">
        <v>0.23679535963093026</v>
      </c>
      <c r="AF54" s="92">
        <v>0.22201681010781349</v>
      </c>
      <c r="AG54" s="214">
        <v>0.14508831320369348</v>
      </c>
      <c r="AH54" s="92">
        <v>0.2036954947371698</v>
      </c>
      <c r="AI54" s="214">
        <v>0.61811632716537634</v>
      </c>
      <c r="AJ54" s="92">
        <v>0.23854536124478223</v>
      </c>
      <c r="AK54" s="210">
        <v>11</v>
      </c>
      <c r="AL54" s="214">
        <v>0.68900925067065288</v>
      </c>
      <c r="AM54" s="92">
        <v>0.24807964284487319</v>
      </c>
      <c r="AN54" s="214">
        <v>9.5931942799181408E-2</v>
      </c>
      <c r="AO54" s="92">
        <v>0.20797210531798171</v>
      </c>
      <c r="AP54" s="214">
        <v>0.21505880653016585</v>
      </c>
      <c r="AQ54" s="92">
        <v>0.23457025915602406</v>
      </c>
      <c r="AR54" s="210">
        <v>12</v>
      </c>
      <c r="AS54" s="214">
        <v>0.34568053017838396</v>
      </c>
      <c r="AT54" s="92">
        <v>0.24320996301761114</v>
      </c>
      <c r="AU54" s="214">
        <v>0.20726267916791158</v>
      </c>
      <c r="AV54" s="92">
        <v>0.22460881789682069</v>
      </c>
      <c r="AW54" s="214">
        <v>0.44705679065370468</v>
      </c>
      <c r="AX54" s="92">
        <v>0.24921041402224964</v>
      </c>
      <c r="AY54" s="210">
        <v>11</v>
      </c>
      <c r="AZ54" s="214">
        <v>0</v>
      </c>
      <c r="BA54" s="92">
        <v>0.17554149029450222</v>
      </c>
      <c r="BB54" s="214">
        <v>0.52071786342569626</v>
      </c>
      <c r="BC54" s="92">
        <v>0.2580796619738871</v>
      </c>
      <c r="BD54" s="214">
        <v>0.47928213657430374</v>
      </c>
      <c r="BE54" s="92">
        <v>0.2580796619738871</v>
      </c>
      <c r="BF54" s="210">
        <v>12</v>
      </c>
      <c r="BG54" s="214">
        <v>0.26073257928985977</v>
      </c>
      <c r="BH54" s="92">
        <v>0.23334389564011962</v>
      </c>
      <c r="BI54" s="214">
        <v>0.24865851423310592</v>
      </c>
      <c r="BJ54" s="92">
        <v>0.23155207020345644</v>
      </c>
      <c r="BK54" s="214">
        <v>0.49060890647703431</v>
      </c>
      <c r="BL54" s="92">
        <v>0.24997519459007034</v>
      </c>
      <c r="BM54" s="210">
        <v>10</v>
      </c>
      <c r="BN54" s="214">
        <v>0.39086598415546858</v>
      </c>
      <c r="BO54" s="92">
        <v>0.26399315483484947</v>
      </c>
      <c r="BP54" s="214">
        <v>0.11146795202555883</v>
      </c>
      <c r="BQ54" s="92">
        <v>0.22231319268305016</v>
      </c>
      <c r="BR54" s="214">
        <v>0.4976660638189726</v>
      </c>
      <c r="BS54" s="92">
        <v>0.26725975635629157</v>
      </c>
      <c r="BT54" s="210">
        <v>7</v>
      </c>
      <c r="BU54" s="214">
        <v>0.51399965577509299</v>
      </c>
      <c r="BV54" s="92">
        <v>0.30146348007510881</v>
      </c>
      <c r="BW54" s="214">
        <v>0</v>
      </c>
      <c r="BX54" s="92">
        <v>0.23258259966066594</v>
      </c>
      <c r="BY54" s="214">
        <v>0.48600034422490707</v>
      </c>
      <c r="BZ54" s="92">
        <v>0.30146348007510881</v>
      </c>
    </row>
    <row r="55" spans="1:78">
      <c r="A55" s="40" t="s">
        <v>543</v>
      </c>
      <c r="B55" s="320">
        <v>71</v>
      </c>
      <c r="C55" s="321">
        <v>0.28574039144192026</v>
      </c>
      <c r="D55" s="316">
        <v>0.10554215728185029</v>
      </c>
      <c r="E55" s="321">
        <v>0.19011337293809547</v>
      </c>
      <c r="F55" s="316">
        <v>9.3506590845748458E-2</v>
      </c>
      <c r="G55" s="321">
        <v>0.52414623561998441</v>
      </c>
      <c r="H55" s="316">
        <v>0.11534932264177834</v>
      </c>
      <c r="I55" s="320">
        <v>70</v>
      </c>
      <c r="J55" s="321">
        <v>0.28772997743591594</v>
      </c>
      <c r="K55" s="316">
        <v>0.10646176309397402</v>
      </c>
      <c r="L55" s="321">
        <v>0.22328625974091987</v>
      </c>
      <c r="M55" s="316">
        <v>9.9045081302700289E-2</v>
      </c>
      <c r="N55" s="321">
        <v>0.48898376282316425</v>
      </c>
      <c r="O55" s="316">
        <v>0.1162223887951076</v>
      </c>
      <c r="P55" s="320">
        <v>68</v>
      </c>
      <c r="Q55" s="321">
        <v>0.2051211069088992</v>
      </c>
      <c r="R55" s="316">
        <v>9.787735240898747E-2</v>
      </c>
      <c r="S55" s="321">
        <v>0.21730709331374784</v>
      </c>
      <c r="T55" s="316">
        <v>9.9643125400114635E-2</v>
      </c>
      <c r="U55" s="321">
        <v>0.57757179977735296</v>
      </c>
      <c r="V55" s="316">
        <v>0.11657916765055298</v>
      </c>
      <c r="W55" s="320">
        <v>56</v>
      </c>
      <c r="X55" s="321">
        <v>0.21989698124527279</v>
      </c>
      <c r="Y55" s="316">
        <v>0.1100468460266032</v>
      </c>
      <c r="Z55" s="321">
        <v>0.14105643664945039</v>
      </c>
      <c r="AA55" s="316">
        <v>9.5835144860212038E-2</v>
      </c>
      <c r="AB55" s="321">
        <v>0.63904658210527732</v>
      </c>
      <c r="AC55" s="316">
        <v>0.12467503882636322</v>
      </c>
      <c r="AD55" s="320">
        <v>83</v>
      </c>
      <c r="AE55" s="321">
        <v>0.43927546535553375</v>
      </c>
      <c r="AF55" s="316">
        <v>0.10648917998536349</v>
      </c>
      <c r="AG55" s="321">
        <v>0.17981546262616147</v>
      </c>
      <c r="AH55" s="316">
        <v>8.48777635281419E-2</v>
      </c>
      <c r="AI55" s="321">
        <v>0.38090907201830487</v>
      </c>
      <c r="AJ55" s="316">
        <v>0.10440670300822981</v>
      </c>
      <c r="AK55" s="320">
        <v>75</v>
      </c>
      <c r="AL55" s="321">
        <v>0.50537684659951354</v>
      </c>
      <c r="AM55" s="316">
        <v>0.1125029266672071</v>
      </c>
      <c r="AN55" s="321">
        <v>0.20736004779885017</v>
      </c>
      <c r="AO55" s="316">
        <v>9.3541982845527977E-2</v>
      </c>
      <c r="AP55" s="321">
        <v>0.28726310560163648</v>
      </c>
      <c r="AQ55" s="316">
        <v>0.10292186411974751</v>
      </c>
      <c r="AR55" s="320">
        <v>80</v>
      </c>
      <c r="AS55" s="321">
        <v>0.59227369395241214</v>
      </c>
      <c r="AT55" s="316">
        <v>0.10741046256331396</v>
      </c>
      <c r="AU55" s="321">
        <v>0.17548113993708866</v>
      </c>
      <c r="AV55" s="316">
        <v>8.5767811320679038E-2</v>
      </c>
      <c r="AW55" s="321">
        <v>0.23224516611049947</v>
      </c>
      <c r="AX55" s="316">
        <v>9.385212585806002E-2</v>
      </c>
      <c r="AY55" s="320">
        <v>66</v>
      </c>
      <c r="AZ55" s="321">
        <v>0.14396187747555922</v>
      </c>
      <c r="BA55" s="316">
        <v>8.8579311152014673E-2</v>
      </c>
      <c r="BB55" s="321">
        <v>0.21764394595905601</v>
      </c>
      <c r="BC55" s="316">
        <v>0.10117203291288175</v>
      </c>
      <c r="BD55" s="321">
        <v>0.63839417656538477</v>
      </c>
      <c r="BE55" s="316">
        <v>0.1153809640177595</v>
      </c>
      <c r="BF55" s="320">
        <v>83</v>
      </c>
      <c r="BG55" s="321">
        <v>0.3701289634949283</v>
      </c>
      <c r="BH55" s="316">
        <v>0.10386746668155999</v>
      </c>
      <c r="BI55" s="321">
        <v>0.22123743914547872</v>
      </c>
      <c r="BJ55" s="316">
        <v>9.0787811945382949E-2</v>
      </c>
      <c r="BK55" s="321">
        <v>0.40863359735959315</v>
      </c>
      <c r="BL55" s="316">
        <v>0.10556953359758835</v>
      </c>
      <c r="BM55" s="320">
        <v>78</v>
      </c>
      <c r="BN55" s="321">
        <v>0.33409233930733201</v>
      </c>
      <c r="BO55" s="316">
        <v>0.10478655442074483</v>
      </c>
      <c r="BP55" s="321">
        <v>0.15247031920673249</v>
      </c>
      <c r="BQ55" s="316">
        <v>8.2851273798808148E-2</v>
      </c>
      <c r="BR55" s="321">
        <v>0.51343734148593534</v>
      </c>
      <c r="BS55" s="316">
        <v>0.11039543645985252</v>
      </c>
      <c r="BT55" s="320">
        <v>57</v>
      </c>
      <c r="BU55" s="321">
        <v>0.49554635886202769</v>
      </c>
      <c r="BV55" s="316">
        <v>0.12803244493844365</v>
      </c>
      <c r="BW55" s="321">
        <v>0.20770669093085992</v>
      </c>
      <c r="BX55" s="316">
        <v>0.10724627580850632</v>
      </c>
      <c r="BY55" s="321">
        <v>0.29674695020711267</v>
      </c>
      <c r="BZ55" s="316">
        <v>0.11844027383539998</v>
      </c>
    </row>
    <row r="56" spans="1:78">
      <c r="A56" s="44" t="s">
        <v>544</v>
      </c>
      <c r="B56" s="210">
        <v>32</v>
      </c>
      <c r="C56" s="214">
        <v>0.23459381435855142</v>
      </c>
      <c r="D56" s="92">
        <v>0.14694797015018571</v>
      </c>
      <c r="E56" s="214">
        <v>0.20954311933836778</v>
      </c>
      <c r="F56" s="92">
        <v>0.14272782058463468</v>
      </c>
      <c r="G56" s="214">
        <v>0.55586306630308069</v>
      </c>
      <c r="H56" s="92">
        <v>0.16584272194895225</v>
      </c>
      <c r="I56" s="210">
        <v>28</v>
      </c>
      <c r="J56" s="214">
        <v>0.12666633989465606</v>
      </c>
      <c r="K56" s="92">
        <v>0.13383231209434301</v>
      </c>
      <c r="L56" s="214">
        <v>0.24517334917738251</v>
      </c>
      <c r="M56" s="92">
        <v>0.15822566906345462</v>
      </c>
      <c r="N56" s="214">
        <v>0.62816031092796143</v>
      </c>
      <c r="O56" s="92">
        <v>0.17227324203930663</v>
      </c>
      <c r="P56" s="210">
        <v>28</v>
      </c>
      <c r="Q56" s="214">
        <v>2.4270177095954224E-3</v>
      </c>
      <c r="R56" s="92">
        <v>8.6924842238103317E-2</v>
      </c>
      <c r="S56" s="214">
        <v>0.18664995925231431</v>
      </c>
      <c r="T56" s="92">
        <v>0.14782786552143859</v>
      </c>
      <c r="U56" s="214">
        <v>0.81092302303809016</v>
      </c>
      <c r="V56" s="92">
        <v>0.14831749631740385</v>
      </c>
      <c r="W56" s="210">
        <v>24</v>
      </c>
      <c r="X56" s="214">
        <v>9.7632186100258381E-2</v>
      </c>
      <c r="Y56" s="92">
        <v>0.13682792415450204</v>
      </c>
      <c r="Z56" s="214">
        <v>0.1472537909213035</v>
      </c>
      <c r="AA56" s="92">
        <v>0.15051441463375528</v>
      </c>
      <c r="AB56" s="214">
        <v>0.75511402297843799</v>
      </c>
      <c r="AC56" s="92">
        <v>0.169951168343142</v>
      </c>
      <c r="AD56" s="210">
        <v>32</v>
      </c>
      <c r="AE56" s="214">
        <v>0.32297458844614368</v>
      </c>
      <c r="AF56" s="92">
        <v>0.15819787679649527</v>
      </c>
      <c r="AG56" s="214">
        <v>0.21782794411490777</v>
      </c>
      <c r="AH56" s="92">
        <v>0.14417948907589243</v>
      </c>
      <c r="AI56" s="214">
        <v>0.45919746743894857</v>
      </c>
      <c r="AJ56" s="92">
        <v>0.16622761022141108</v>
      </c>
      <c r="AK56" s="210">
        <v>28</v>
      </c>
      <c r="AL56" s="214">
        <v>0.40978422746260745</v>
      </c>
      <c r="AM56" s="92">
        <v>0.17455968381236553</v>
      </c>
      <c r="AN56" s="214">
        <v>0.28560155834443912</v>
      </c>
      <c r="AO56" s="92">
        <v>0.16386227128392769</v>
      </c>
      <c r="AP56" s="214">
        <v>0.3046142141929532</v>
      </c>
      <c r="AQ56" s="92">
        <v>0.16612186874237875</v>
      </c>
      <c r="AR56" s="210">
        <v>32</v>
      </c>
      <c r="AS56" s="214">
        <v>0.6616442142764507</v>
      </c>
      <c r="AT56" s="92">
        <v>0.15963673384303603</v>
      </c>
      <c r="AU56" s="214">
        <v>0.16216945466827595</v>
      </c>
      <c r="AV56" s="92">
        <v>0.13325982258036534</v>
      </c>
      <c r="AW56" s="214">
        <v>0.1761863310552732</v>
      </c>
      <c r="AX56" s="92">
        <v>0.13628050079311357</v>
      </c>
      <c r="AY56" s="210">
        <v>29</v>
      </c>
      <c r="AZ56" s="214">
        <v>2.6224729720246892E-2</v>
      </c>
      <c r="BA56" s="92">
        <v>9.6392110964849564E-2</v>
      </c>
      <c r="BB56" s="214">
        <v>4.2278556708063658E-2</v>
      </c>
      <c r="BC56" s="92">
        <v>0.1033985740286795</v>
      </c>
      <c r="BD56" s="214">
        <v>0.93149671357168951</v>
      </c>
      <c r="BE56" s="92">
        <v>0.11346437083901958</v>
      </c>
      <c r="BF56" s="210">
        <v>35</v>
      </c>
      <c r="BG56" s="214">
        <v>0.24529166691892243</v>
      </c>
      <c r="BH56" s="92">
        <v>0.142414768536474</v>
      </c>
      <c r="BI56" s="214">
        <v>0.20181522053706621</v>
      </c>
      <c r="BJ56" s="92">
        <v>0.13526396480041758</v>
      </c>
      <c r="BK56" s="214">
        <v>0.55289311254401152</v>
      </c>
      <c r="BL56" s="92">
        <v>0.15940491003104842</v>
      </c>
      <c r="BM56" s="210">
        <v>35</v>
      </c>
      <c r="BN56" s="214">
        <v>0.35501551181342711</v>
      </c>
      <c r="BO56" s="92">
        <v>0.15461126539673631</v>
      </c>
      <c r="BP56" s="214">
        <v>0.21509857686641967</v>
      </c>
      <c r="BQ56" s="92">
        <v>0.13760864117957497</v>
      </c>
      <c r="BR56" s="214">
        <v>0.4298859113201533</v>
      </c>
      <c r="BS56" s="92">
        <v>0.15885510528856336</v>
      </c>
      <c r="BT56" s="210">
        <v>23</v>
      </c>
      <c r="BU56" s="214">
        <v>0.52756355888738593</v>
      </c>
      <c r="BV56" s="92">
        <v>0.19223777189823898</v>
      </c>
      <c r="BW56" s="214">
        <v>0.24195020173627299</v>
      </c>
      <c r="BX56" s="92">
        <v>0.17285364407485568</v>
      </c>
      <c r="BY56" s="214">
        <v>0.23048623937634108</v>
      </c>
      <c r="BZ56" s="92">
        <v>0.17096257430390835</v>
      </c>
    </row>
    <row r="57" spans="1:78">
      <c r="A57" s="40" t="s">
        <v>552</v>
      </c>
      <c r="B57" s="320">
        <v>39</v>
      </c>
      <c r="C57" s="321">
        <v>0.33143401747023687</v>
      </c>
      <c r="D57" s="316">
        <v>0.14519467173006034</v>
      </c>
      <c r="E57" s="321">
        <v>0.17275511327602772</v>
      </c>
      <c r="F57" s="316">
        <v>0.12272399786266941</v>
      </c>
      <c r="G57" s="321">
        <v>0.49581086925373541</v>
      </c>
      <c r="H57" s="316">
        <v>0.15249416739865149</v>
      </c>
      <c r="I57" s="320">
        <v>42</v>
      </c>
      <c r="J57" s="321">
        <v>0.40806446750615072</v>
      </c>
      <c r="K57" s="316">
        <v>0.14534931994282044</v>
      </c>
      <c r="L57" s="321">
        <v>0.20693389252343633</v>
      </c>
      <c r="M57" s="316">
        <v>0.12455130626439853</v>
      </c>
      <c r="N57" s="321">
        <v>0.38500163997041276</v>
      </c>
      <c r="O57" s="316">
        <v>0.14415429971245297</v>
      </c>
      <c r="P57" s="320">
        <v>40</v>
      </c>
      <c r="Q57" s="321">
        <v>0.36648381744711583</v>
      </c>
      <c r="R57" s="316">
        <v>0.14624614888210855</v>
      </c>
      <c r="S57" s="321">
        <v>0.24171292709522635</v>
      </c>
      <c r="T57" s="316">
        <v>0.13309802965255249</v>
      </c>
      <c r="U57" s="321">
        <v>0.39180325545765771</v>
      </c>
      <c r="V57" s="316">
        <v>0.14780982168384074</v>
      </c>
      <c r="W57" s="320">
        <v>32</v>
      </c>
      <c r="X57" s="321">
        <v>0.32400233846540827</v>
      </c>
      <c r="Y57" s="316">
        <v>0.15829851763896077</v>
      </c>
      <c r="Z57" s="321">
        <v>0.13577954742286807</v>
      </c>
      <c r="AA57" s="316">
        <v>0.12701047969447357</v>
      </c>
      <c r="AB57" s="321">
        <v>0.5402181141117236</v>
      </c>
      <c r="AC57" s="316">
        <v>0.16624011346172779</v>
      </c>
      <c r="AD57" s="320">
        <v>51</v>
      </c>
      <c r="AE57" s="321">
        <v>0.51521843255219435</v>
      </c>
      <c r="AF57" s="316">
        <v>0.13478625818498868</v>
      </c>
      <c r="AG57" s="321">
        <v>0.15499380425627124</v>
      </c>
      <c r="AH57" s="316">
        <v>0.10362677704953069</v>
      </c>
      <c r="AI57" s="321">
        <v>0.32978776319153447</v>
      </c>
      <c r="AJ57" s="316">
        <v>0.12794563959695723</v>
      </c>
      <c r="AK57" s="320">
        <v>47</v>
      </c>
      <c r="AL57" s="321">
        <v>0.56771602204628302</v>
      </c>
      <c r="AM57" s="316">
        <v>0.13893308328069537</v>
      </c>
      <c r="AN57" s="321">
        <v>0.15633611627400834</v>
      </c>
      <c r="AO57" s="316">
        <v>0.10835485226293742</v>
      </c>
      <c r="AP57" s="321">
        <v>0.27594786167970847</v>
      </c>
      <c r="AQ57" s="316">
        <v>0.12753046493709186</v>
      </c>
      <c r="AR57" s="320">
        <v>48</v>
      </c>
      <c r="AS57" s="321">
        <v>0.54141824249556181</v>
      </c>
      <c r="AT57" s="316">
        <v>0.13826905128438507</v>
      </c>
      <c r="AU57" s="321">
        <v>0.18523992163332997</v>
      </c>
      <c r="AV57" s="316">
        <v>0.11285865784556205</v>
      </c>
      <c r="AW57" s="321">
        <v>0.27334183587110805</v>
      </c>
      <c r="AX57" s="316">
        <v>0.12595046933658638</v>
      </c>
      <c r="AY57" s="320">
        <v>37</v>
      </c>
      <c r="AZ57" s="321">
        <v>0.25041229627435696</v>
      </c>
      <c r="BA57" s="316">
        <v>0.1394301943622426</v>
      </c>
      <c r="BB57" s="321">
        <v>0.37619814473562718</v>
      </c>
      <c r="BC57" s="316">
        <v>0.1522250681285332</v>
      </c>
      <c r="BD57" s="321">
        <v>0.37338955899001575</v>
      </c>
      <c r="BE57" s="316">
        <v>0.15204141383143854</v>
      </c>
      <c r="BF57" s="320">
        <v>48</v>
      </c>
      <c r="BG57" s="321">
        <v>0.46842500155442268</v>
      </c>
      <c r="BH57" s="316">
        <v>0.13843924015738879</v>
      </c>
      <c r="BI57" s="321">
        <v>0.23653036194896152</v>
      </c>
      <c r="BJ57" s="316">
        <v>0.12116499427405325</v>
      </c>
      <c r="BK57" s="321">
        <v>0.29504463649661561</v>
      </c>
      <c r="BL57" s="316">
        <v>0.12836465724918966</v>
      </c>
      <c r="BM57" s="320">
        <v>43</v>
      </c>
      <c r="BN57" s="321">
        <v>0.3156636572083461</v>
      </c>
      <c r="BO57" s="316">
        <v>0.13731709032684172</v>
      </c>
      <c r="BP57" s="321">
        <v>9.7308691566968739E-2</v>
      </c>
      <c r="BQ57" s="316">
        <v>9.8614624510770674E-2</v>
      </c>
      <c r="BR57" s="321">
        <v>0.58702765122468503</v>
      </c>
      <c r="BS57" s="316">
        <v>0.14400369072508082</v>
      </c>
      <c r="BT57" s="320">
        <v>34</v>
      </c>
      <c r="BU57" s="321">
        <v>0.47133394709382892</v>
      </c>
      <c r="BV57" s="316">
        <v>0.16200784603143284</v>
      </c>
      <c r="BW57" s="321">
        <v>0.18181067306069221</v>
      </c>
      <c r="BX57" s="316">
        <v>0.13335680302372277</v>
      </c>
      <c r="BY57" s="321">
        <v>0.34685537984547876</v>
      </c>
      <c r="BZ57" s="316">
        <v>0.1560109263212045</v>
      </c>
    </row>
    <row r="58" spans="1:78">
      <c r="A58" s="44" t="s">
        <v>545</v>
      </c>
      <c r="B58" s="210">
        <v>90</v>
      </c>
      <c r="C58" s="214">
        <v>0.38612474891658805</v>
      </c>
      <c r="D58" s="92">
        <v>0.10066007027307591</v>
      </c>
      <c r="E58" s="214">
        <v>0.17755472106975664</v>
      </c>
      <c r="F58" s="92">
        <v>8.1132769133104479E-2</v>
      </c>
      <c r="G58" s="214">
        <v>0.43632053001365539</v>
      </c>
      <c r="H58" s="92">
        <v>0.10237243126123245</v>
      </c>
      <c r="I58" s="210">
        <v>94</v>
      </c>
      <c r="J58" s="214">
        <v>0.36228070653429539</v>
      </c>
      <c r="K58" s="92">
        <v>9.7426077168305147E-2</v>
      </c>
      <c r="L58" s="214">
        <v>0.19934039444892651</v>
      </c>
      <c r="M58" s="92">
        <v>8.2519629207435372E-2</v>
      </c>
      <c r="N58" s="214">
        <v>0.43837889901677818</v>
      </c>
      <c r="O58" s="92">
        <v>0.1003069749952797</v>
      </c>
      <c r="P58" s="210">
        <v>79</v>
      </c>
      <c r="Q58" s="214">
        <v>0.29921586688970991</v>
      </c>
      <c r="R58" s="92">
        <v>0.10143020933788961</v>
      </c>
      <c r="S58" s="214">
        <v>0.21223812454254112</v>
      </c>
      <c r="T58" s="92">
        <v>9.1830689701263554E-2</v>
      </c>
      <c r="U58" s="214">
        <v>0.48854600856774871</v>
      </c>
      <c r="V58" s="92">
        <v>0.10973816517111668</v>
      </c>
      <c r="W58" s="210">
        <v>74</v>
      </c>
      <c r="X58" s="214">
        <v>0.44622776392521585</v>
      </c>
      <c r="Y58" s="92">
        <v>0.11263681182265041</v>
      </c>
      <c r="Z58" s="214">
        <v>0.10290956596898319</v>
      </c>
      <c r="AA58" s="92">
        <v>7.444733177482056E-2</v>
      </c>
      <c r="AB58" s="214">
        <v>0.45086267010580078</v>
      </c>
      <c r="AC58" s="92">
        <v>0.11273449902815891</v>
      </c>
      <c r="AD58" s="210">
        <v>93</v>
      </c>
      <c r="AE58" s="214">
        <v>0.4894531555531676</v>
      </c>
      <c r="AF58" s="92">
        <v>0.10151385036021973</v>
      </c>
      <c r="AG58" s="214">
        <v>0.22773095198784621</v>
      </c>
      <c r="AH58" s="92">
        <v>8.6598339784239087E-2</v>
      </c>
      <c r="AI58" s="214">
        <v>0.28281589245898614</v>
      </c>
      <c r="AJ58" s="92">
        <v>9.2310787085686297E-2</v>
      </c>
      <c r="AK58" s="210">
        <v>84</v>
      </c>
      <c r="AL58" s="214">
        <v>0.50770443132884424</v>
      </c>
      <c r="AM58" s="92">
        <v>0.10658882665784339</v>
      </c>
      <c r="AN58" s="214">
        <v>0.25198197618872642</v>
      </c>
      <c r="AO58" s="92">
        <v>9.3893569457433185E-2</v>
      </c>
      <c r="AP58" s="214">
        <v>0.24031359248242931</v>
      </c>
      <c r="AQ58" s="92">
        <v>9.2577799262190952E-2</v>
      </c>
      <c r="AR58" s="210">
        <v>95</v>
      </c>
      <c r="AS58" s="214">
        <v>0.67821820206858974</v>
      </c>
      <c r="AT58" s="92">
        <v>9.4442120826141382E-2</v>
      </c>
      <c r="AU58" s="214">
        <v>0.12886302938359795</v>
      </c>
      <c r="AV58" s="92">
        <v>7.054283183322288E-2</v>
      </c>
      <c r="AW58" s="214">
        <v>0.19291876854781231</v>
      </c>
      <c r="AX58" s="92">
        <v>8.119493624375268E-2</v>
      </c>
      <c r="AY58" s="210">
        <v>82</v>
      </c>
      <c r="AZ58" s="214">
        <v>0.23867142654404255</v>
      </c>
      <c r="BA58" s="92">
        <v>9.3488573926402696E-2</v>
      </c>
      <c r="BB58" s="214">
        <v>0.15649275889670139</v>
      </c>
      <c r="BC58" s="92">
        <v>8.1475918602504277E-2</v>
      </c>
      <c r="BD58" s="214">
        <v>0.60483581455925639</v>
      </c>
      <c r="BE58" s="92">
        <v>0.10565588116806586</v>
      </c>
      <c r="BF58" s="210">
        <v>90</v>
      </c>
      <c r="BG58" s="214">
        <v>0.42187551581909211</v>
      </c>
      <c r="BH58" s="92">
        <v>0.10198142390471596</v>
      </c>
      <c r="BI58" s="214">
        <v>0.19144614515778069</v>
      </c>
      <c r="BJ58" s="92">
        <v>8.3213316548387969E-2</v>
      </c>
      <c r="BK58" s="214">
        <v>0.38667833902312709</v>
      </c>
      <c r="BL58" s="92">
        <v>0.10068443785335608</v>
      </c>
      <c r="BM58" s="210">
        <v>93</v>
      </c>
      <c r="BN58" s="214">
        <v>0.67948419448507269</v>
      </c>
      <c r="BO58" s="92">
        <v>9.5331762604711726E-2</v>
      </c>
      <c r="BP58" s="214">
        <v>0.11896590492891407</v>
      </c>
      <c r="BQ58" s="92">
        <v>6.932377704613725E-2</v>
      </c>
      <c r="BR58" s="214">
        <v>0.20154990058601338</v>
      </c>
      <c r="BS58" s="92">
        <v>8.3263896187254105E-2</v>
      </c>
      <c r="BT58" s="210">
        <v>72</v>
      </c>
      <c r="BU58" s="214">
        <v>0.47847607582444374</v>
      </c>
      <c r="BV58" s="92">
        <v>0.11461243700522362</v>
      </c>
      <c r="BW58" s="214">
        <v>0.22764430125008833</v>
      </c>
      <c r="BX58" s="92">
        <v>9.8254520826412631E-2</v>
      </c>
      <c r="BY58" s="214">
        <v>0.29387962292546788</v>
      </c>
      <c r="BZ58" s="92">
        <v>0.10559826327871266</v>
      </c>
    </row>
  </sheetData>
  <mergeCells count="16">
    <mergeCell ref="A3:D3"/>
    <mergeCell ref="A4:D4"/>
    <mergeCell ref="A5:D5"/>
    <mergeCell ref="A32:BZ32"/>
    <mergeCell ref="A33:BZ33"/>
    <mergeCell ref="B34:H34"/>
    <mergeCell ref="I34:O34"/>
    <mergeCell ref="P34:V34"/>
    <mergeCell ref="W34:AC34"/>
    <mergeCell ref="AD34:AJ34"/>
    <mergeCell ref="BT34:BZ34"/>
    <mergeCell ref="AK34:AQ34"/>
    <mergeCell ref="AR34:AX34"/>
    <mergeCell ref="AY34:BE34"/>
    <mergeCell ref="BF34:BL34"/>
    <mergeCell ref="BM34:BS34"/>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N16"/>
  <sheetViews>
    <sheetView workbookViewId="0"/>
  </sheetViews>
  <sheetFormatPr defaultColWidth="8.85546875" defaultRowHeight="15"/>
  <cols>
    <col min="1" max="1" width="140" style="293" customWidth="1"/>
    <col min="2" max="9" width="8.85546875" style="20"/>
    <col min="10" max="10" width="19.42578125" style="20" customWidth="1"/>
    <col min="11" max="12" width="8.85546875" style="20"/>
    <col min="13" max="13" width="9.140625" style="20" customWidth="1"/>
    <col min="14" max="16384" width="8.85546875" style="20"/>
  </cols>
  <sheetData>
    <row r="1" spans="1:14" s="9" customFormat="1" ht="23.25">
      <c r="A1" s="295" t="s">
        <v>359</v>
      </c>
      <c r="F1" s="326"/>
      <c r="G1" s="326"/>
      <c r="H1" s="326"/>
      <c r="I1" s="326"/>
      <c r="J1" s="326"/>
      <c r="K1" s="326"/>
      <c r="L1" s="326"/>
      <c r="M1" s="326"/>
      <c r="N1" s="326"/>
    </row>
    <row r="2" spans="1:14" ht="21">
      <c r="A2" s="296"/>
      <c r="B2" s="12"/>
      <c r="C2" s="12"/>
      <c r="D2" s="12"/>
      <c r="E2" s="12"/>
      <c r="F2" s="327"/>
      <c r="G2" s="327"/>
      <c r="H2" s="327"/>
      <c r="I2" s="327"/>
      <c r="J2" s="327"/>
      <c r="K2" s="327"/>
      <c r="L2" s="327"/>
      <c r="M2" s="327"/>
      <c r="N2" s="327"/>
    </row>
    <row r="3" spans="1:14" s="11" customFormat="1" ht="21">
      <c r="A3" s="297" t="s">
        <v>151</v>
      </c>
      <c r="B3" s="10"/>
      <c r="C3" s="10"/>
      <c r="D3" s="10"/>
      <c r="E3" s="10"/>
      <c r="F3" s="19"/>
      <c r="G3" s="19"/>
      <c r="H3" s="19"/>
      <c r="I3" s="19"/>
      <c r="J3" s="19"/>
      <c r="K3" s="19"/>
      <c r="L3" s="19"/>
      <c r="M3" s="19"/>
      <c r="N3" s="19"/>
    </row>
    <row r="4" spans="1:14" s="11" customFormat="1" ht="31.5">
      <c r="A4" s="296" t="s">
        <v>459</v>
      </c>
      <c r="B4" s="10"/>
      <c r="C4" s="10"/>
      <c r="D4" s="10"/>
      <c r="E4" s="10"/>
      <c r="F4" s="19"/>
      <c r="G4" s="19"/>
      <c r="H4" s="19"/>
      <c r="I4" s="19"/>
      <c r="J4" s="19"/>
      <c r="K4" s="19"/>
      <c r="L4" s="19"/>
      <c r="M4" s="19"/>
      <c r="N4" s="19"/>
    </row>
    <row r="5" spans="1:14" ht="18.75" customHeight="1">
      <c r="A5" s="296"/>
      <c r="B5" s="12"/>
      <c r="C5" s="12"/>
      <c r="D5" s="12"/>
      <c r="E5" s="12"/>
      <c r="F5" s="19"/>
      <c r="G5" s="19"/>
      <c r="H5" s="19"/>
      <c r="I5" s="19"/>
      <c r="J5" s="19"/>
      <c r="K5" s="19"/>
      <c r="L5" s="19"/>
      <c r="M5" s="19"/>
      <c r="N5" s="19"/>
    </row>
    <row r="6" spans="1:14">
      <c r="A6" s="298" t="s">
        <v>152</v>
      </c>
      <c r="B6" s="12"/>
      <c r="C6" s="12"/>
      <c r="D6" s="12"/>
      <c r="E6" s="12"/>
    </row>
    <row r="7" spans="1:14" ht="51" customHeight="1">
      <c r="A7" s="299" t="s">
        <v>222</v>
      </c>
      <c r="B7" s="12"/>
      <c r="C7" s="12"/>
      <c r="D7" s="12"/>
      <c r="E7" s="12"/>
      <c r="F7" s="12"/>
      <c r="G7" s="12"/>
    </row>
    <row r="8" spans="1:14">
      <c r="A8" s="220"/>
      <c r="B8" s="12"/>
      <c r="C8" s="12"/>
      <c r="D8" s="12"/>
      <c r="E8" s="12"/>
      <c r="F8" s="12"/>
      <c r="G8" s="12"/>
    </row>
    <row r="9" spans="1:14">
      <c r="A9" s="297" t="s">
        <v>153</v>
      </c>
      <c r="B9" s="12"/>
      <c r="C9" s="12"/>
      <c r="D9" s="12"/>
      <c r="E9" s="12"/>
      <c r="F9" s="12"/>
      <c r="G9" s="12"/>
    </row>
    <row r="10" spans="1:14" ht="30">
      <c r="A10" s="296" t="s">
        <v>615</v>
      </c>
      <c r="B10" s="12"/>
      <c r="C10" s="12"/>
      <c r="D10" s="12"/>
      <c r="E10" s="12"/>
      <c r="F10" s="12"/>
      <c r="G10" s="12"/>
    </row>
    <row r="11" spans="1:14">
      <c r="A11" s="222"/>
      <c r="B11" s="13"/>
      <c r="C11" s="13"/>
      <c r="D11" s="13"/>
      <c r="E11" s="13"/>
    </row>
    <row r="12" spans="1:14">
      <c r="A12" s="297" t="s">
        <v>154</v>
      </c>
    </row>
    <row r="13" spans="1:14" ht="135">
      <c r="A13" s="296" t="s">
        <v>460</v>
      </c>
    </row>
    <row r="14" spans="1:14">
      <c r="A14" s="220"/>
    </row>
    <row r="15" spans="1:14">
      <c r="A15" s="298" t="s">
        <v>2</v>
      </c>
    </row>
    <row r="16" spans="1:14" ht="45">
      <c r="A16" s="299" t="s">
        <v>155</v>
      </c>
    </row>
  </sheetData>
  <mergeCells count="2">
    <mergeCell ref="F1:N1"/>
    <mergeCell ref="F2:N2"/>
  </mergeCell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N69"/>
  <sheetViews>
    <sheetView workbookViewId="0"/>
  </sheetViews>
  <sheetFormatPr defaultColWidth="8.85546875" defaultRowHeight="15"/>
  <cols>
    <col min="1" max="1" width="135.85546875" style="309" customWidth="1"/>
    <col min="2" max="7" width="8.85546875" style="2"/>
    <col min="8" max="8" width="19.42578125" style="2" customWidth="1"/>
    <col min="9" max="10" width="8.85546875" style="2"/>
    <col min="11" max="11" width="9.140625" style="2" customWidth="1"/>
    <col min="12" max="16384" width="8.85546875" style="2"/>
  </cols>
  <sheetData>
    <row r="1" spans="1:14" ht="23.25">
      <c r="A1" s="295" t="s">
        <v>553</v>
      </c>
      <c r="B1" s="8"/>
      <c r="C1" s="8"/>
      <c r="D1" s="8"/>
      <c r="E1" s="8"/>
      <c r="F1" s="8"/>
      <c r="G1" s="8"/>
      <c r="N1" s="7"/>
    </row>
    <row r="2" spans="1:14" ht="90">
      <c r="A2" s="305" t="s">
        <v>611</v>
      </c>
      <c r="B2" s="6"/>
      <c r="C2" s="6"/>
      <c r="D2" s="6"/>
    </row>
    <row r="3" spans="1:14" s="16" customFormat="1">
      <c r="A3" s="296"/>
      <c r="B3" s="12"/>
      <c r="C3" s="12"/>
      <c r="D3" s="12"/>
    </row>
    <row r="4" spans="1:14" s="221" customFormat="1">
      <c r="A4" s="297" t="s">
        <v>350</v>
      </c>
      <c r="B4" s="12"/>
      <c r="C4" s="12"/>
      <c r="D4" s="12"/>
    </row>
    <row r="5" spans="1:14" s="221" customFormat="1" ht="30">
      <c r="A5" s="296" t="s">
        <v>560</v>
      </c>
      <c r="B5" s="12"/>
      <c r="C5" s="12"/>
      <c r="D5" s="12"/>
    </row>
    <row r="6" spans="1:14" s="221" customFormat="1">
      <c r="A6" s="296"/>
      <c r="B6" s="12"/>
      <c r="C6" s="12"/>
      <c r="D6" s="12"/>
    </row>
    <row r="7" spans="1:14" s="17" customFormat="1">
      <c r="A7" s="298" t="s">
        <v>351</v>
      </c>
      <c r="B7" s="12"/>
      <c r="C7" s="12"/>
      <c r="D7" s="12"/>
    </row>
    <row r="8" spans="1:14" s="17" customFormat="1" ht="30">
      <c r="A8" s="301" t="s">
        <v>561</v>
      </c>
      <c r="B8" s="12"/>
      <c r="C8" s="12"/>
      <c r="D8" s="12"/>
    </row>
    <row r="9" spans="1:14" s="221" customFormat="1">
      <c r="A9" s="301"/>
      <c r="B9" s="12"/>
      <c r="C9" s="12"/>
      <c r="D9" s="12"/>
    </row>
    <row r="10" spans="1:14" s="221" customFormat="1">
      <c r="A10" s="302" t="s">
        <v>352</v>
      </c>
      <c r="B10" s="12"/>
      <c r="C10" s="12"/>
      <c r="D10" s="12"/>
    </row>
    <row r="11" spans="1:14" s="221" customFormat="1" ht="30">
      <c r="A11" s="301" t="s">
        <v>612</v>
      </c>
      <c r="B11" s="12"/>
      <c r="C11" s="12"/>
      <c r="D11" s="12"/>
    </row>
    <row r="12" spans="1:14" s="221" customFormat="1">
      <c r="A12" s="304"/>
      <c r="B12" s="12"/>
      <c r="C12" s="12"/>
      <c r="D12" s="12"/>
    </row>
    <row r="13" spans="1:14" s="221" customFormat="1">
      <c r="A13" s="303" t="s">
        <v>534</v>
      </c>
      <c r="B13" s="12"/>
      <c r="C13" s="12"/>
      <c r="D13" s="12"/>
    </row>
    <row r="14" spans="1:14" s="221" customFormat="1" ht="30">
      <c r="A14" s="304" t="s">
        <v>613</v>
      </c>
      <c r="B14" s="12"/>
      <c r="C14" s="12"/>
      <c r="D14" s="12"/>
    </row>
    <row r="15" spans="1:14" s="221" customFormat="1">
      <c r="A15" s="304"/>
      <c r="B15" s="12"/>
      <c r="C15" s="12"/>
      <c r="D15" s="12"/>
    </row>
    <row r="16" spans="1:14" s="221" customFormat="1">
      <c r="A16" s="303" t="s">
        <v>535</v>
      </c>
      <c r="B16" s="12"/>
      <c r="C16" s="12"/>
      <c r="D16" s="12"/>
    </row>
    <row r="17" spans="1:4" s="221" customFormat="1" ht="45">
      <c r="A17" s="304" t="s">
        <v>614</v>
      </c>
      <c r="B17" s="12"/>
      <c r="C17" s="12"/>
      <c r="D17" s="12"/>
    </row>
    <row r="18" spans="1:4" s="17" customFormat="1">
      <c r="A18" s="296"/>
      <c r="B18" s="12"/>
      <c r="C18" s="12"/>
      <c r="D18" s="12"/>
    </row>
    <row r="19" spans="1:4" s="221" customFormat="1">
      <c r="A19" s="306" t="s">
        <v>546</v>
      </c>
    </row>
    <row r="20" spans="1:4" s="221" customFormat="1" ht="34.5" customHeight="1">
      <c r="A20" s="304" t="s">
        <v>562</v>
      </c>
    </row>
    <row r="21" spans="1:4" s="221" customFormat="1">
      <c r="A21" s="307"/>
    </row>
    <row r="22" spans="1:4">
      <c r="A22" s="306" t="s">
        <v>536</v>
      </c>
    </row>
    <row r="23" spans="1:4" ht="45">
      <c r="A23" s="304" t="s">
        <v>563</v>
      </c>
    </row>
    <row r="24" spans="1:4" s="16" customFormat="1">
      <c r="A24" s="307"/>
    </row>
    <row r="25" spans="1:4">
      <c r="A25" s="308" t="s">
        <v>537</v>
      </c>
    </row>
    <row r="26" spans="1:4" ht="30">
      <c r="A26" s="305" t="s">
        <v>564</v>
      </c>
    </row>
    <row r="27" spans="1:4">
      <c r="A27" s="299"/>
    </row>
    <row r="28" spans="1:4" s="221" customFormat="1">
      <c r="A28" s="308" t="s">
        <v>538</v>
      </c>
    </row>
    <row r="29" spans="1:4" s="221" customFormat="1" ht="30">
      <c r="A29" s="305" t="s">
        <v>565</v>
      </c>
    </row>
    <row r="30" spans="1:4" s="221" customFormat="1">
      <c r="A30" s="299"/>
    </row>
    <row r="31" spans="1:4" s="18" customFormat="1">
      <c r="A31" s="298" t="s">
        <v>539</v>
      </c>
    </row>
    <row r="32" spans="1:4" s="18" customFormat="1" ht="30">
      <c r="A32" s="305" t="s">
        <v>566</v>
      </c>
    </row>
    <row r="33" spans="1:1" s="18" customFormat="1">
      <c r="A33" s="299"/>
    </row>
    <row r="34" spans="1:1" s="18" customFormat="1">
      <c r="A34" s="298" t="s">
        <v>540</v>
      </c>
    </row>
    <row r="35" spans="1:1" s="18" customFormat="1" ht="60">
      <c r="A35" s="305" t="s">
        <v>554</v>
      </c>
    </row>
    <row r="36" spans="1:1">
      <c r="A36" s="299"/>
    </row>
    <row r="37" spans="1:1">
      <c r="A37" s="298" t="s">
        <v>541</v>
      </c>
    </row>
    <row r="38" spans="1:1" ht="45">
      <c r="A38" s="305" t="s">
        <v>555</v>
      </c>
    </row>
    <row r="39" spans="1:1" s="221" customFormat="1">
      <c r="A39" s="305"/>
    </row>
    <row r="40" spans="1:1" s="221" customFormat="1">
      <c r="A40" s="298" t="s">
        <v>548</v>
      </c>
    </row>
    <row r="41" spans="1:1" s="221" customFormat="1" ht="30">
      <c r="A41" s="305" t="s">
        <v>556</v>
      </c>
    </row>
    <row r="42" spans="1:1" s="221" customFormat="1">
      <c r="A42" s="305"/>
    </row>
    <row r="43" spans="1:1" s="221" customFormat="1">
      <c r="A43" s="298" t="s">
        <v>549</v>
      </c>
    </row>
    <row r="44" spans="1:1" s="221" customFormat="1" ht="45">
      <c r="A44" s="305" t="s">
        <v>567</v>
      </c>
    </row>
    <row r="45" spans="1:1" s="221" customFormat="1">
      <c r="A45" s="305"/>
    </row>
    <row r="46" spans="1:1" s="221" customFormat="1">
      <c r="A46" s="298" t="s">
        <v>550</v>
      </c>
    </row>
    <row r="47" spans="1:1" s="221" customFormat="1" ht="30">
      <c r="A47" s="305" t="s">
        <v>568</v>
      </c>
    </row>
    <row r="48" spans="1:1" s="221" customFormat="1">
      <c r="A48" s="305"/>
    </row>
    <row r="49" spans="1:1">
      <c r="A49" s="298" t="s">
        <v>542</v>
      </c>
    </row>
    <row r="50" spans="1:1" ht="60">
      <c r="A50" s="305" t="s">
        <v>569</v>
      </c>
    </row>
    <row r="51" spans="1:1">
      <c r="A51" s="305"/>
    </row>
    <row r="52" spans="1:1" s="221" customFormat="1">
      <c r="A52" s="298" t="s">
        <v>547</v>
      </c>
    </row>
    <row r="53" spans="1:1" s="221" customFormat="1">
      <c r="A53" s="305" t="s">
        <v>570</v>
      </c>
    </row>
    <row r="54" spans="1:1" s="221" customFormat="1">
      <c r="A54" s="305"/>
    </row>
    <row r="55" spans="1:1" s="221" customFormat="1">
      <c r="A55" s="298" t="s">
        <v>551</v>
      </c>
    </row>
    <row r="56" spans="1:1" s="221" customFormat="1" ht="30">
      <c r="A56" s="305" t="s">
        <v>557</v>
      </c>
    </row>
    <row r="57" spans="1:1" s="221" customFormat="1">
      <c r="A57" s="305"/>
    </row>
    <row r="58" spans="1:1">
      <c r="A58" s="298" t="s">
        <v>543</v>
      </c>
    </row>
    <row r="59" spans="1:1" ht="30">
      <c r="A59" s="305" t="s">
        <v>571</v>
      </c>
    </row>
    <row r="60" spans="1:1" s="221" customFormat="1">
      <c r="A60" s="305"/>
    </row>
    <row r="61" spans="1:1" s="221" customFormat="1">
      <c r="A61" s="298" t="s">
        <v>544</v>
      </c>
    </row>
    <row r="62" spans="1:1" s="221" customFormat="1">
      <c r="A62" s="305" t="s">
        <v>558</v>
      </c>
    </row>
    <row r="63" spans="1:1" s="221" customFormat="1">
      <c r="A63" s="305"/>
    </row>
    <row r="64" spans="1:1" s="221" customFormat="1">
      <c r="A64" s="298" t="s">
        <v>552</v>
      </c>
    </row>
    <row r="65" spans="1:1" s="221" customFormat="1" ht="30">
      <c r="A65" s="305" t="s">
        <v>572</v>
      </c>
    </row>
    <row r="66" spans="1:1" s="221" customFormat="1">
      <c r="A66" s="305"/>
    </row>
    <row r="67" spans="1:1" s="221" customFormat="1">
      <c r="A67" s="298" t="s">
        <v>545</v>
      </c>
    </row>
    <row r="68" spans="1:1" s="221" customFormat="1" ht="45">
      <c r="A68" s="305" t="s">
        <v>559</v>
      </c>
    </row>
    <row r="69" spans="1:1" s="221" customFormat="1">
      <c r="A69" s="305"/>
    </row>
  </sheetData>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181"/>
  <sheetViews>
    <sheetView zoomScaleNormal="100" workbookViewId="0">
      <selection sqref="A1:D1"/>
    </sheetView>
  </sheetViews>
  <sheetFormatPr defaultColWidth="8.85546875" defaultRowHeight="15"/>
  <cols>
    <col min="1" max="1" width="8.85546875" style="14"/>
    <col min="2" max="2" width="35.7109375" style="221" customWidth="1"/>
    <col min="3" max="3" width="36.140625" style="221" customWidth="1"/>
    <col min="4" max="4" width="26.85546875" style="221" customWidth="1"/>
    <col min="5" max="5" width="8.85546875" style="221"/>
    <col min="6" max="6" width="23.42578125" style="221" customWidth="1"/>
    <col min="7" max="16384" width="8.85546875" style="221"/>
  </cols>
  <sheetData>
    <row r="1" spans="1:9" ht="21">
      <c r="A1" s="331" t="s">
        <v>0</v>
      </c>
      <c r="B1" s="331"/>
      <c r="C1" s="331"/>
      <c r="D1" s="331"/>
      <c r="E1" s="323"/>
      <c r="F1" s="323"/>
      <c r="G1" s="323"/>
      <c r="H1" s="323"/>
      <c r="I1" s="323"/>
    </row>
    <row r="2" spans="1:9" ht="21">
      <c r="A2" s="324"/>
      <c r="B2" s="324"/>
      <c r="C2" s="324"/>
      <c r="D2" s="324"/>
      <c r="E2" s="323"/>
      <c r="F2" s="323"/>
      <c r="G2" s="323"/>
      <c r="H2" s="323"/>
      <c r="I2" s="323"/>
    </row>
    <row r="3" spans="1:9" ht="21">
      <c r="A3" s="324" t="s">
        <v>5</v>
      </c>
      <c r="B3" s="324"/>
      <c r="C3" s="324"/>
      <c r="D3" s="324"/>
      <c r="E3" s="323"/>
      <c r="F3" s="323"/>
      <c r="G3" s="323"/>
      <c r="H3" s="323"/>
      <c r="I3" s="323"/>
    </row>
    <row r="4" spans="1:9" ht="21">
      <c r="A4" s="21"/>
      <c r="B4" s="323"/>
      <c r="C4" s="323"/>
      <c r="D4" s="323"/>
      <c r="E4" s="325"/>
      <c r="F4" s="323"/>
      <c r="G4" s="323"/>
      <c r="H4" s="323"/>
      <c r="I4" s="323"/>
    </row>
    <row r="5" spans="1:9" ht="18.75">
      <c r="A5" s="333" t="s">
        <v>59</v>
      </c>
      <c r="B5" s="333"/>
      <c r="C5" s="24"/>
      <c r="D5" s="323"/>
      <c r="E5" s="323"/>
      <c r="F5" s="323"/>
      <c r="G5" s="323"/>
      <c r="H5" s="323"/>
      <c r="I5" s="323"/>
    </row>
    <row r="6" spans="1:9" ht="18.75">
      <c r="A6" s="29"/>
      <c r="B6" s="24"/>
      <c r="C6" s="24"/>
      <c r="D6" s="323"/>
      <c r="E6" s="323"/>
      <c r="F6" s="323"/>
      <c r="G6" s="323"/>
      <c r="H6" s="323"/>
      <c r="I6" s="323"/>
    </row>
    <row r="7" spans="1:9" ht="18.75">
      <c r="A7" s="22">
        <v>1</v>
      </c>
      <c r="B7" s="228" t="s">
        <v>6</v>
      </c>
      <c r="C7" s="323"/>
      <c r="D7" s="323"/>
      <c r="E7" s="24"/>
      <c r="F7" s="24"/>
      <c r="G7" s="323"/>
      <c r="H7" s="323"/>
      <c r="I7" s="323"/>
    </row>
    <row r="8" spans="1:9">
      <c r="A8" s="22"/>
      <c r="B8" s="329" t="s">
        <v>8</v>
      </c>
      <c r="C8" s="329"/>
      <c r="D8" s="329"/>
      <c r="E8" s="329"/>
      <c r="F8" s="329"/>
      <c r="G8" s="323"/>
      <c r="H8" s="323"/>
      <c r="I8" s="323"/>
    </row>
    <row r="9" spans="1:9" ht="18.75">
      <c r="A9" s="29"/>
      <c r="B9" s="24"/>
      <c r="C9" s="24"/>
      <c r="D9" s="323"/>
      <c r="E9" s="323"/>
      <c r="F9" s="323"/>
      <c r="G9" s="323"/>
      <c r="H9" s="323"/>
      <c r="I9" s="323"/>
    </row>
    <row r="10" spans="1:9" ht="18.75">
      <c r="A10" s="22">
        <v>1</v>
      </c>
      <c r="B10" s="23" t="s">
        <v>7</v>
      </c>
      <c r="C10" s="323"/>
      <c r="D10" s="323"/>
      <c r="E10" s="24"/>
      <c r="F10" s="24"/>
      <c r="G10" s="323"/>
      <c r="H10" s="323"/>
      <c r="I10" s="323"/>
    </row>
    <row r="11" spans="1:9">
      <c r="A11" s="22"/>
      <c r="B11" s="329" t="s">
        <v>9</v>
      </c>
      <c r="C11" s="329"/>
      <c r="D11" s="329"/>
      <c r="E11" s="25"/>
      <c r="F11" s="25"/>
      <c r="G11" s="323"/>
      <c r="H11" s="323"/>
      <c r="I11" s="323"/>
    </row>
    <row r="12" spans="1:9" ht="18.75">
      <c r="A12" s="29"/>
      <c r="B12" s="24"/>
      <c r="C12" s="24"/>
      <c r="D12" s="323"/>
      <c r="E12" s="323"/>
      <c r="F12" s="323"/>
      <c r="G12" s="323"/>
      <c r="H12" s="323"/>
      <c r="I12" s="323"/>
    </row>
    <row r="13" spans="1:9" ht="18.75">
      <c r="A13" s="22">
        <v>1</v>
      </c>
      <c r="B13" s="23" t="s">
        <v>54</v>
      </c>
      <c r="C13" s="24"/>
      <c r="D13" s="323"/>
      <c r="E13" s="323"/>
      <c r="F13" s="323"/>
      <c r="G13" s="323"/>
      <c r="H13" s="323"/>
      <c r="I13" s="323"/>
    </row>
    <row r="14" spans="1:9" ht="18.75">
      <c r="A14" s="29"/>
      <c r="B14" s="323" t="s">
        <v>55</v>
      </c>
      <c r="C14" s="24"/>
      <c r="D14" s="323"/>
      <c r="E14" s="323"/>
      <c r="F14" s="323"/>
      <c r="G14" s="323"/>
      <c r="H14" s="323"/>
      <c r="I14" s="323"/>
    </row>
    <row r="15" spans="1:9" ht="18.75">
      <c r="A15" s="29"/>
      <c r="B15" s="323"/>
      <c r="C15" s="24"/>
      <c r="D15" s="323"/>
      <c r="E15" s="323"/>
      <c r="F15" s="323"/>
      <c r="G15" s="323"/>
      <c r="H15" s="323"/>
      <c r="I15" s="323"/>
    </row>
    <row r="16" spans="1:9" ht="18.75">
      <c r="A16" s="22">
        <v>1</v>
      </c>
      <c r="B16" s="23" t="s">
        <v>514</v>
      </c>
      <c r="C16" s="24"/>
      <c r="D16" s="323"/>
      <c r="E16" s="323"/>
      <c r="F16" s="323"/>
      <c r="G16" s="323"/>
      <c r="H16" s="323"/>
      <c r="I16" s="323"/>
    </row>
    <row r="17" spans="1:9" ht="18.75">
      <c r="A17" s="29"/>
      <c r="B17" s="323" t="s">
        <v>56</v>
      </c>
      <c r="C17" s="24"/>
      <c r="D17" s="323"/>
      <c r="E17" s="323"/>
      <c r="F17" s="323"/>
      <c r="G17" s="323"/>
      <c r="H17" s="323"/>
      <c r="I17" s="323"/>
    </row>
    <row r="18" spans="1:9" ht="18.75">
      <c r="A18" s="29"/>
      <c r="B18" s="323"/>
      <c r="C18" s="24"/>
      <c r="D18" s="323"/>
      <c r="E18" s="323"/>
      <c r="F18" s="323"/>
      <c r="G18" s="323"/>
      <c r="H18" s="323"/>
      <c r="I18" s="323"/>
    </row>
    <row r="19" spans="1:9" ht="18.75">
      <c r="A19" s="22">
        <v>1</v>
      </c>
      <c r="B19" s="23" t="s">
        <v>492</v>
      </c>
      <c r="C19" s="24"/>
      <c r="D19" s="323"/>
      <c r="E19" s="323"/>
      <c r="F19" s="323"/>
      <c r="G19" s="323"/>
      <c r="H19" s="323"/>
      <c r="I19" s="323"/>
    </row>
    <row r="20" spans="1:9" ht="18.75">
      <c r="A20" s="29"/>
      <c r="B20" s="323" t="s">
        <v>493</v>
      </c>
      <c r="C20" s="24"/>
      <c r="D20" s="323"/>
      <c r="E20" s="323"/>
      <c r="F20" s="323"/>
      <c r="G20" s="323"/>
      <c r="H20" s="323"/>
      <c r="I20" s="323"/>
    </row>
    <row r="21" spans="1:9" ht="18.75">
      <c r="A21" s="29"/>
      <c r="B21" s="323"/>
      <c r="C21" s="24"/>
      <c r="D21" s="323"/>
      <c r="E21" s="323"/>
      <c r="F21" s="323"/>
      <c r="G21" s="323"/>
      <c r="H21" s="323"/>
      <c r="I21" s="323"/>
    </row>
    <row r="22" spans="1:9" ht="18.75">
      <c r="A22" s="22">
        <v>1</v>
      </c>
      <c r="B22" s="23" t="s">
        <v>494</v>
      </c>
      <c r="C22" s="24"/>
      <c r="D22" s="323"/>
      <c r="E22" s="323"/>
      <c r="F22" s="323"/>
      <c r="G22" s="323"/>
      <c r="H22" s="323"/>
      <c r="I22" s="323"/>
    </row>
    <row r="23" spans="1:9" ht="18.75">
      <c r="A23" s="29"/>
      <c r="B23" s="323" t="s">
        <v>495</v>
      </c>
      <c r="C23" s="24"/>
      <c r="D23" s="323"/>
      <c r="E23" s="323"/>
      <c r="F23" s="323"/>
      <c r="G23" s="323"/>
      <c r="H23" s="323"/>
      <c r="I23" s="323"/>
    </row>
    <row r="24" spans="1:9" ht="18.75">
      <c r="A24" s="29"/>
      <c r="B24" s="323"/>
      <c r="C24" s="24"/>
      <c r="D24" s="323"/>
      <c r="E24" s="323"/>
      <c r="F24" s="323"/>
      <c r="G24" s="323"/>
      <c r="H24" s="323"/>
      <c r="I24" s="323"/>
    </row>
    <row r="25" spans="1:9" ht="18.75">
      <c r="A25" s="334" t="s">
        <v>60</v>
      </c>
      <c r="B25" s="334"/>
      <c r="C25" s="24"/>
      <c r="D25" s="323"/>
      <c r="E25" s="323"/>
      <c r="F25" s="323"/>
      <c r="G25" s="323"/>
      <c r="H25" s="323"/>
      <c r="I25" s="323"/>
    </row>
    <row r="26" spans="1:9" ht="18.75">
      <c r="A26" s="29"/>
      <c r="B26" s="323"/>
      <c r="C26" s="24"/>
      <c r="D26" s="323"/>
      <c r="E26" s="323"/>
      <c r="F26" s="323"/>
      <c r="G26" s="323"/>
      <c r="H26" s="323"/>
      <c r="I26" s="323"/>
    </row>
    <row r="27" spans="1:9" s="15" customFormat="1" ht="18.75">
      <c r="A27" s="22">
        <v>2</v>
      </c>
      <c r="B27" s="23" t="s">
        <v>496</v>
      </c>
      <c r="C27" s="323"/>
      <c r="D27" s="323"/>
      <c r="E27" s="24"/>
      <c r="F27" s="24"/>
      <c r="G27" s="24"/>
      <c r="H27" s="24"/>
      <c r="I27" s="24"/>
    </row>
    <row r="28" spans="1:9">
      <c r="A28" s="22"/>
      <c r="B28" s="328" t="s">
        <v>498</v>
      </c>
      <c r="C28" s="329"/>
      <c r="D28" s="329"/>
      <c r="E28" s="329"/>
      <c r="F28" s="329"/>
      <c r="G28" s="329"/>
      <c r="H28" s="323"/>
      <c r="I28" s="323"/>
    </row>
    <row r="29" spans="1:9">
      <c r="A29" s="22"/>
      <c r="B29" s="323"/>
      <c r="C29" s="323"/>
      <c r="D29" s="323"/>
      <c r="E29" s="323"/>
      <c r="F29" s="323"/>
      <c r="G29" s="323"/>
      <c r="H29" s="323"/>
      <c r="I29" s="323"/>
    </row>
    <row r="30" spans="1:9" s="15" customFormat="1" ht="18.75">
      <c r="A30" s="22">
        <v>2</v>
      </c>
      <c r="B30" s="23" t="s">
        <v>497</v>
      </c>
      <c r="C30" s="323"/>
      <c r="D30" s="323"/>
      <c r="E30" s="24"/>
      <c r="F30" s="24"/>
      <c r="G30" s="24"/>
      <c r="H30" s="24"/>
      <c r="I30" s="24"/>
    </row>
    <row r="31" spans="1:9">
      <c r="A31" s="22"/>
      <c r="B31" s="328" t="s">
        <v>57</v>
      </c>
      <c r="C31" s="329"/>
      <c r="D31" s="329"/>
      <c r="E31" s="329"/>
      <c r="F31" s="329"/>
      <c r="G31" s="329"/>
      <c r="H31" s="323"/>
      <c r="I31" s="323"/>
    </row>
    <row r="32" spans="1:9">
      <c r="A32" s="22"/>
      <c r="B32" s="323"/>
      <c r="C32" s="323"/>
      <c r="D32" s="323"/>
      <c r="E32" s="323"/>
      <c r="F32" s="323"/>
      <c r="G32" s="323"/>
      <c r="H32" s="323"/>
      <c r="I32" s="323"/>
    </row>
    <row r="33" spans="1:9">
      <c r="A33" s="22">
        <v>2</v>
      </c>
      <c r="B33" s="23" t="s">
        <v>339</v>
      </c>
      <c r="C33" s="323"/>
      <c r="D33" s="323"/>
      <c r="E33" s="323"/>
      <c r="F33" s="323"/>
      <c r="G33" s="323"/>
      <c r="H33" s="323"/>
      <c r="I33" s="323"/>
    </row>
    <row r="34" spans="1:9">
      <c r="A34" s="22"/>
      <c r="B34" s="323" t="s">
        <v>58</v>
      </c>
      <c r="C34" s="323"/>
      <c r="D34" s="323"/>
      <c r="E34" s="323"/>
      <c r="F34" s="323"/>
      <c r="G34" s="323"/>
      <c r="H34" s="323"/>
      <c r="I34" s="323"/>
    </row>
    <row r="35" spans="1:9">
      <c r="A35" s="22"/>
      <c r="B35" s="323"/>
      <c r="C35" s="323"/>
      <c r="D35" s="323"/>
      <c r="E35" s="323"/>
      <c r="F35" s="323"/>
      <c r="G35" s="323"/>
      <c r="H35" s="323"/>
      <c r="I35" s="323"/>
    </row>
    <row r="36" spans="1:9">
      <c r="A36" s="22">
        <v>2</v>
      </c>
      <c r="B36" s="23" t="s">
        <v>227</v>
      </c>
      <c r="C36" s="323"/>
      <c r="D36" s="323"/>
      <c r="E36" s="323"/>
      <c r="F36" s="323"/>
      <c r="G36" s="323"/>
      <c r="H36" s="323"/>
      <c r="I36" s="323"/>
    </row>
    <row r="37" spans="1:9">
      <c r="A37" s="22"/>
      <c r="B37" s="323" t="s">
        <v>461</v>
      </c>
      <c r="C37" s="323"/>
      <c r="D37" s="323"/>
      <c r="E37" s="323"/>
      <c r="F37" s="323"/>
      <c r="G37" s="323"/>
      <c r="H37" s="323"/>
      <c r="I37" s="323"/>
    </row>
    <row r="38" spans="1:9">
      <c r="A38" s="22"/>
      <c r="B38" s="323"/>
      <c r="C38" s="323"/>
      <c r="D38" s="323"/>
      <c r="E38" s="323"/>
      <c r="F38" s="323"/>
      <c r="G38" s="323"/>
      <c r="H38" s="323"/>
      <c r="I38" s="323"/>
    </row>
    <row r="39" spans="1:9">
      <c r="A39" s="22">
        <v>2</v>
      </c>
      <c r="B39" s="23" t="s">
        <v>499</v>
      </c>
      <c r="C39" s="323"/>
      <c r="D39" s="323"/>
      <c r="E39" s="323"/>
      <c r="F39" s="323"/>
      <c r="G39" s="323"/>
      <c r="H39" s="323"/>
      <c r="I39" s="323"/>
    </row>
    <row r="40" spans="1:9">
      <c r="A40" s="22"/>
      <c r="B40" s="323" t="s">
        <v>500</v>
      </c>
      <c r="C40" s="323"/>
      <c r="D40" s="323"/>
      <c r="E40" s="323"/>
      <c r="F40" s="323"/>
      <c r="G40" s="323"/>
      <c r="H40" s="323"/>
      <c r="I40" s="323"/>
    </row>
    <row r="41" spans="1:9">
      <c r="A41" s="22"/>
      <c r="B41" s="323"/>
      <c r="C41" s="323"/>
      <c r="D41" s="323"/>
      <c r="E41" s="323"/>
      <c r="F41" s="323"/>
      <c r="G41" s="323"/>
      <c r="H41" s="323"/>
      <c r="I41" s="323"/>
    </row>
    <row r="42" spans="1:9" s="15" customFormat="1" ht="18.75">
      <c r="A42" s="332" t="s">
        <v>18</v>
      </c>
      <c r="B42" s="332"/>
      <c r="C42" s="332"/>
      <c r="D42" s="24"/>
      <c r="E42" s="24"/>
      <c r="F42" s="24"/>
      <c r="G42" s="24"/>
      <c r="H42" s="24"/>
      <c r="I42" s="24"/>
    </row>
    <row r="43" spans="1:9" s="15" customFormat="1" ht="18.75">
      <c r="A43" s="29"/>
      <c r="B43" s="29"/>
      <c r="C43" s="29"/>
      <c r="D43" s="24"/>
      <c r="E43" s="24"/>
      <c r="F43" s="24"/>
      <c r="G43" s="24"/>
      <c r="H43" s="24"/>
      <c r="I43" s="24"/>
    </row>
    <row r="44" spans="1:9" s="15" customFormat="1" ht="18.75">
      <c r="A44" s="334" t="s">
        <v>41</v>
      </c>
      <c r="B44" s="334"/>
      <c r="C44" s="29"/>
      <c r="D44" s="24"/>
      <c r="E44" s="24"/>
      <c r="F44" s="24"/>
      <c r="G44" s="24"/>
      <c r="H44" s="24"/>
      <c r="I44" s="24"/>
    </row>
    <row r="45" spans="1:9" s="15" customFormat="1" ht="18.75">
      <c r="A45" s="29"/>
      <c r="B45" s="29"/>
      <c r="C45" s="29"/>
      <c r="D45" s="24"/>
      <c r="E45" s="24"/>
      <c r="F45" s="24"/>
      <c r="G45" s="24"/>
      <c r="H45" s="24"/>
      <c r="I45" s="24"/>
    </row>
    <row r="46" spans="1:9">
      <c r="A46" s="22">
        <v>3</v>
      </c>
      <c r="B46" s="229" t="s">
        <v>1</v>
      </c>
      <c r="C46" s="323"/>
      <c r="D46" s="323"/>
      <c r="E46" s="323"/>
      <c r="F46" s="323"/>
      <c r="G46" s="323"/>
      <c r="H46" s="323"/>
      <c r="I46" s="323"/>
    </row>
    <row r="47" spans="1:9">
      <c r="A47" s="21"/>
      <c r="B47" s="328" t="s">
        <v>20</v>
      </c>
      <c r="C47" s="329"/>
      <c r="D47" s="329"/>
      <c r="E47" s="329"/>
      <c r="F47" s="23"/>
      <c r="G47" s="323"/>
      <c r="H47" s="323"/>
      <c r="I47" s="323"/>
    </row>
    <row r="48" spans="1:9">
      <c r="A48" s="21"/>
      <c r="B48" s="322"/>
      <c r="C48" s="323"/>
      <c r="D48" s="323"/>
      <c r="E48" s="323"/>
      <c r="F48" s="23"/>
      <c r="G48" s="323"/>
      <c r="H48" s="323"/>
      <c r="I48" s="323"/>
    </row>
    <row r="49" spans="1:9">
      <c r="A49" s="21">
        <v>3</v>
      </c>
      <c r="B49" s="27" t="s">
        <v>34</v>
      </c>
      <c r="C49" s="323"/>
      <c r="D49" s="323"/>
      <c r="E49" s="323"/>
      <c r="F49" s="23"/>
      <c r="G49" s="323"/>
      <c r="H49" s="323"/>
      <c r="I49" s="323"/>
    </row>
    <row r="50" spans="1:9">
      <c r="A50" s="21"/>
      <c r="B50" s="322" t="s">
        <v>515</v>
      </c>
      <c r="C50" s="323"/>
      <c r="D50" s="323"/>
      <c r="E50" s="323"/>
      <c r="F50" s="23"/>
      <c r="G50" s="323"/>
      <c r="H50" s="323"/>
      <c r="I50" s="323"/>
    </row>
    <row r="51" spans="1:9">
      <c r="A51" s="21"/>
      <c r="B51" s="322"/>
      <c r="C51" s="323"/>
      <c r="D51" s="323"/>
      <c r="E51" s="323"/>
      <c r="F51" s="23"/>
      <c r="G51" s="323"/>
      <c r="H51" s="323"/>
      <c r="I51" s="323"/>
    </row>
    <row r="52" spans="1:9">
      <c r="A52" s="21">
        <v>3</v>
      </c>
      <c r="B52" s="27" t="s">
        <v>35</v>
      </c>
      <c r="C52" s="323"/>
      <c r="D52" s="323"/>
      <c r="E52" s="323"/>
      <c r="F52" s="23"/>
      <c r="G52" s="323"/>
      <c r="H52" s="323"/>
      <c r="I52" s="323"/>
    </row>
    <row r="53" spans="1:9">
      <c r="A53" s="21"/>
      <c r="B53" s="322" t="s">
        <v>516</v>
      </c>
      <c r="C53" s="323"/>
      <c r="D53" s="323"/>
      <c r="E53" s="323"/>
      <c r="F53" s="23"/>
      <c r="G53" s="323"/>
      <c r="H53" s="323"/>
      <c r="I53" s="323"/>
    </row>
    <row r="54" spans="1:9">
      <c r="A54" s="21"/>
      <c r="B54" s="322"/>
      <c r="C54" s="323"/>
      <c r="D54" s="323"/>
      <c r="E54" s="323"/>
      <c r="F54" s="23"/>
      <c r="G54" s="323"/>
      <c r="H54" s="323"/>
      <c r="I54" s="323"/>
    </row>
    <row r="55" spans="1:9">
      <c r="A55" s="22">
        <v>3</v>
      </c>
      <c r="B55" s="27" t="s">
        <v>10</v>
      </c>
      <c r="C55" s="323"/>
      <c r="D55" s="323"/>
      <c r="E55" s="323"/>
      <c r="F55" s="323"/>
      <c r="G55" s="323"/>
      <c r="H55" s="323"/>
      <c r="I55" s="323"/>
    </row>
    <row r="56" spans="1:9">
      <c r="A56" s="21"/>
      <c r="B56" s="328" t="s">
        <v>21</v>
      </c>
      <c r="C56" s="329"/>
      <c r="D56" s="323"/>
      <c r="E56" s="323"/>
      <c r="F56" s="323"/>
      <c r="G56" s="323"/>
      <c r="H56" s="323"/>
      <c r="I56" s="323"/>
    </row>
    <row r="57" spans="1:9">
      <c r="A57" s="21"/>
      <c r="B57" s="322"/>
      <c r="C57" s="323"/>
      <c r="D57" s="323"/>
      <c r="E57" s="323"/>
      <c r="F57" s="323"/>
      <c r="G57" s="323"/>
      <c r="H57" s="323"/>
      <c r="I57" s="323"/>
    </row>
    <row r="58" spans="1:9">
      <c r="A58" s="21">
        <v>3</v>
      </c>
      <c r="B58" s="27" t="s">
        <v>36</v>
      </c>
      <c r="C58" s="323"/>
      <c r="D58" s="323"/>
      <c r="E58" s="323"/>
      <c r="F58" s="323"/>
      <c r="G58" s="323"/>
      <c r="H58" s="323"/>
      <c r="I58" s="323"/>
    </row>
    <row r="59" spans="1:9">
      <c r="A59" s="21"/>
      <c r="B59" s="322" t="s">
        <v>517</v>
      </c>
      <c r="C59" s="323"/>
      <c r="D59" s="323"/>
      <c r="E59" s="323"/>
      <c r="F59" s="323"/>
      <c r="G59" s="323"/>
      <c r="H59" s="323"/>
      <c r="I59" s="323"/>
    </row>
    <row r="60" spans="1:9" ht="21">
      <c r="A60" s="26"/>
      <c r="B60" s="323"/>
      <c r="C60" s="323"/>
      <c r="D60" s="323"/>
      <c r="E60" s="323"/>
      <c r="F60" s="323"/>
      <c r="G60" s="323"/>
      <c r="H60" s="323"/>
      <c r="I60" s="323"/>
    </row>
    <row r="61" spans="1:9" s="15" customFormat="1" ht="18.75">
      <c r="A61" s="334" t="s">
        <v>40</v>
      </c>
      <c r="B61" s="334"/>
      <c r="C61" s="29"/>
      <c r="D61" s="24"/>
      <c r="E61" s="24"/>
      <c r="F61" s="24"/>
      <c r="G61" s="24"/>
      <c r="H61" s="24"/>
      <c r="I61" s="24"/>
    </row>
    <row r="62" spans="1:9" s="15" customFormat="1" ht="18.75">
      <c r="A62" s="29"/>
      <c r="B62" s="29"/>
      <c r="C62" s="29"/>
      <c r="D62" s="24"/>
      <c r="E62" s="24"/>
      <c r="F62" s="24"/>
      <c r="G62" s="24"/>
      <c r="H62" s="24"/>
      <c r="I62" s="24"/>
    </row>
    <row r="63" spans="1:9">
      <c r="A63" s="22">
        <v>4</v>
      </c>
      <c r="B63" s="228" t="s">
        <v>3</v>
      </c>
      <c r="C63" s="323"/>
      <c r="D63" s="323"/>
      <c r="E63" s="323"/>
      <c r="F63" s="323"/>
      <c r="G63" s="323"/>
      <c r="H63" s="323"/>
      <c r="I63" s="323"/>
    </row>
    <row r="64" spans="1:9">
      <c r="A64" s="21"/>
      <c r="B64" s="328" t="s">
        <v>19</v>
      </c>
      <c r="C64" s="329"/>
      <c r="D64" s="329"/>
      <c r="E64" s="323"/>
      <c r="F64" s="323"/>
      <c r="G64" s="323"/>
      <c r="H64" s="323"/>
      <c r="I64" s="323"/>
    </row>
    <row r="65" spans="1:9">
      <c r="A65" s="21"/>
      <c r="B65" s="328" t="s">
        <v>31</v>
      </c>
      <c r="C65" s="329"/>
      <c r="D65" s="329"/>
      <c r="E65" s="323"/>
      <c r="F65" s="323"/>
      <c r="G65" s="323"/>
      <c r="H65" s="323"/>
      <c r="I65" s="323"/>
    </row>
    <row r="66" spans="1:9" ht="21">
      <c r="A66" s="26"/>
      <c r="B66" s="323"/>
      <c r="C66" s="323"/>
      <c r="D66" s="323"/>
      <c r="E66" s="323"/>
      <c r="F66" s="323"/>
      <c r="G66" s="323"/>
      <c r="H66" s="323"/>
      <c r="I66" s="323"/>
    </row>
    <row r="67" spans="1:9">
      <c r="A67" s="22">
        <v>4</v>
      </c>
      <c r="B67" s="27" t="s">
        <v>205</v>
      </c>
      <c r="C67" s="323"/>
      <c r="D67" s="323"/>
      <c r="E67" s="323"/>
      <c r="F67" s="323"/>
      <c r="G67" s="323"/>
      <c r="H67" s="323"/>
      <c r="I67" s="323"/>
    </row>
    <row r="68" spans="1:9">
      <c r="A68" s="21"/>
      <c r="B68" s="328" t="s">
        <v>215</v>
      </c>
      <c r="C68" s="329"/>
      <c r="D68" s="323"/>
      <c r="E68" s="323"/>
      <c r="F68" s="323"/>
      <c r="G68" s="323"/>
      <c r="H68" s="323"/>
      <c r="I68" s="323"/>
    </row>
    <row r="69" spans="1:9">
      <c r="A69" s="21"/>
      <c r="B69" s="328" t="s">
        <v>216</v>
      </c>
      <c r="C69" s="329"/>
      <c r="D69" s="329"/>
      <c r="E69" s="329"/>
      <c r="F69" s="323"/>
      <c r="G69" s="323"/>
      <c r="H69" s="323"/>
      <c r="I69" s="323"/>
    </row>
    <row r="70" spans="1:9" ht="21">
      <c r="A70" s="26"/>
      <c r="B70" s="323"/>
      <c r="C70" s="323"/>
      <c r="D70" s="323"/>
      <c r="E70" s="323"/>
      <c r="F70" s="323"/>
      <c r="G70" s="323"/>
      <c r="H70" s="323"/>
      <c r="I70" s="323"/>
    </row>
    <row r="71" spans="1:9">
      <c r="A71" s="22">
        <v>4</v>
      </c>
      <c r="B71" s="27" t="s">
        <v>37</v>
      </c>
      <c r="C71" s="323"/>
      <c r="D71" s="323"/>
      <c r="E71" s="323"/>
      <c r="F71" s="323"/>
      <c r="G71" s="323"/>
      <c r="H71" s="323"/>
      <c r="I71" s="323"/>
    </row>
    <row r="72" spans="1:9">
      <c r="A72" s="21"/>
      <c r="B72" s="328" t="s">
        <v>61</v>
      </c>
      <c r="C72" s="329"/>
      <c r="D72" s="329"/>
      <c r="E72" s="329"/>
      <c r="F72" s="23"/>
      <c r="G72" s="323"/>
      <c r="H72" s="323"/>
      <c r="I72" s="323"/>
    </row>
    <row r="73" spans="1:9">
      <c r="A73" s="21"/>
      <c r="B73" s="328"/>
      <c r="C73" s="329"/>
      <c r="D73" s="329"/>
      <c r="E73" s="329"/>
      <c r="F73" s="323"/>
      <c r="G73" s="23"/>
      <c r="H73" s="323"/>
      <c r="I73" s="323"/>
    </row>
    <row r="74" spans="1:9">
      <c r="A74" s="21">
        <v>4</v>
      </c>
      <c r="B74" s="27" t="s">
        <v>38</v>
      </c>
      <c r="C74" s="323"/>
      <c r="D74" s="323"/>
      <c r="E74" s="323"/>
      <c r="F74" s="323"/>
      <c r="G74" s="23"/>
      <c r="H74" s="323"/>
      <c r="I74" s="323"/>
    </row>
    <row r="75" spans="1:9">
      <c r="A75" s="21"/>
      <c r="B75" s="322" t="s">
        <v>518</v>
      </c>
      <c r="C75" s="323"/>
      <c r="D75" s="323"/>
      <c r="E75" s="323"/>
      <c r="F75" s="323"/>
      <c r="G75" s="23"/>
      <c r="H75" s="323"/>
      <c r="I75" s="323"/>
    </row>
    <row r="76" spans="1:9">
      <c r="A76" s="21"/>
      <c r="B76" s="322"/>
      <c r="C76" s="323"/>
      <c r="D76" s="323"/>
      <c r="E76" s="323"/>
      <c r="F76" s="323"/>
      <c r="G76" s="23"/>
      <c r="H76" s="323"/>
      <c r="I76" s="323"/>
    </row>
    <row r="77" spans="1:9">
      <c r="A77" s="22">
        <v>4</v>
      </c>
      <c r="B77" s="27" t="s">
        <v>4</v>
      </c>
      <c r="C77" s="323"/>
      <c r="D77" s="323"/>
      <c r="E77" s="323"/>
      <c r="F77" s="323"/>
      <c r="G77" s="323"/>
      <c r="H77" s="323"/>
      <c r="I77" s="323"/>
    </row>
    <row r="78" spans="1:9">
      <c r="A78" s="21"/>
      <c r="B78" s="328" t="s">
        <v>22</v>
      </c>
      <c r="C78" s="329"/>
      <c r="D78" s="329"/>
      <c r="E78" s="323"/>
      <c r="F78" s="323"/>
      <c r="G78" s="323"/>
      <c r="H78" s="323"/>
      <c r="I78" s="323"/>
    </row>
    <row r="79" spans="1:9">
      <c r="A79" s="21"/>
      <c r="B79" s="322"/>
      <c r="C79" s="323"/>
      <c r="D79" s="323"/>
      <c r="E79" s="323"/>
      <c r="F79" s="323"/>
      <c r="G79" s="323"/>
      <c r="H79" s="323"/>
      <c r="I79" s="323"/>
    </row>
    <row r="80" spans="1:9">
      <c r="A80" s="22">
        <v>4</v>
      </c>
      <c r="B80" s="27" t="s">
        <v>501</v>
      </c>
      <c r="C80" s="323"/>
      <c r="D80" s="323"/>
      <c r="E80" s="323"/>
      <c r="F80" s="323"/>
      <c r="G80" s="323"/>
      <c r="H80" s="323"/>
      <c r="I80" s="323"/>
    </row>
    <row r="81" spans="1:9">
      <c r="A81" s="21"/>
      <c r="B81" s="328" t="s">
        <v>502</v>
      </c>
      <c r="C81" s="329"/>
      <c r="D81" s="329"/>
      <c r="E81" s="323"/>
      <c r="F81" s="323"/>
      <c r="G81" s="323"/>
      <c r="H81" s="323"/>
      <c r="I81" s="323"/>
    </row>
    <row r="82" spans="1:9">
      <c r="A82" s="21"/>
      <c r="B82" s="322"/>
      <c r="C82" s="323"/>
      <c r="D82" s="323"/>
      <c r="E82" s="323"/>
      <c r="F82" s="323"/>
      <c r="G82" s="323"/>
      <c r="H82" s="323"/>
      <c r="I82" s="323"/>
    </row>
    <row r="83" spans="1:9">
      <c r="A83" s="330" t="s">
        <v>62</v>
      </c>
      <c r="B83" s="330"/>
      <c r="C83" s="323"/>
      <c r="D83" s="323"/>
      <c r="E83" s="323"/>
      <c r="F83" s="323"/>
      <c r="G83" s="323"/>
      <c r="H83" s="323"/>
      <c r="I83" s="323"/>
    </row>
    <row r="84" spans="1:9">
      <c r="A84" s="21"/>
      <c r="B84" s="322"/>
      <c r="C84" s="323"/>
      <c r="D84" s="323"/>
      <c r="E84" s="323"/>
      <c r="F84" s="323"/>
      <c r="G84" s="323"/>
      <c r="H84" s="323"/>
      <c r="I84" s="323"/>
    </row>
    <row r="85" spans="1:9">
      <c r="A85" s="22">
        <v>5</v>
      </c>
      <c r="B85" s="229" t="s">
        <v>11</v>
      </c>
      <c r="C85" s="323"/>
      <c r="D85" s="323"/>
      <c r="E85" s="323"/>
      <c r="F85" s="323"/>
      <c r="G85" s="323"/>
      <c r="H85" s="323"/>
      <c r="I85" s="323"/>
    </row>
    <row r="86" spans="1:9">
      <c r="A86" s="21"/>
      <c r="B86" s="328" t="s">
        <v>23</v>
      </c>
      <c r="C86" s="329"/>
      <c r="D86" s="329"/>
      <c r="E86" s="323"/>
      <c r="F86" s="323"/>
      <c r="G86" s="323"/>
      <c r="H86" s="323"/>
      <c r="I86" s="323"/>
    </row>
    <row r="87" spans="1:9">
      <c r="A87" s="21"/>
      <c r="B87" s="322"/>
      <c r="C87" s="323"/>
      <c r="D87" s="323"/>
      <c r="E87" s="323"/>
      <c r="F87" s="323"/>
      <c r="G87" s="323"/>
      <c r="H87" s="323"/>
      <c r="I87" s="323"/>
    </row>
    <row r="88" spans="1:9">
      <c r="A88" s="21">
        <v>5</v>
      </c>
      <c r="B88" s="27" t="s">
        <v>42</v>
      </c>
      <c r="C88" s="323"/>
      <c r="D88" s="323"/>
      <c r="E88" s="323"/>
      <c r="F88" s="323"/>
      <c r="G88" s="323"/>
      <c r="H88" s="323"/>
      <c r="I88" s="323"/>
    </row>
    <row r="89" spans="1:9">
      <c r="A89" s="21"/>
      <c r="B89" s="322" t="s">
        <v>519</v>
      </c>
      <c r="C89" s="323"/>
      <c r="D89" s="323"/>
      <c r="E89" s="323"/>
      <c r="F89" s="323"/>
      <c r="G89" s="323"/>
      <c r="H89" s="323"/>
      <c r="I89" s="323"/>
    </row>
    <row r="90" spans="1:9">
      <c r="A90" s="21"/>
      <c r="B90" s="323"/>
      <c r="C90" s="323"/>
      <c r="D90" s="323"/>
      <c r="E90" s="323"/>
      <c r="F90" s="323"/>
      <c r="G90" s="323"/>
      <c r="H90" s="323"/>
      <c r="I90" s="323"/>
    </row>
    <row r="91" spans="1:9">
      <c r="A91" s="22">
        <v>5</v>
      </c>
      <c r="B91" s="27" t="s">
        <v>231</v>
      </c>
      <c r="C91" s="323"/>
      <c r="D91" s="323"/>
      <c r="E91" s="323"/>
      <c r="F91" s="323"/>
      <c r="G91" s="323"/>
      <c r="H91" s="323"/>
      <c r="I91" s="323"/>
    </row>
    <row r="92" spans="1:9">
      <c r="A92" s="21"/>
      <c r="B92" s="328" t="s">
        <v>63</v>
      </c>
      <c r="C92" s="329"/>
      <c r="D92" s="329"/>
      <c r="E92" s="323"/>
      <c r="F92" s="323"/>
      <c r="G92" s="323"/>
      <c r="H92" s="323"/>
      <c r="I92" s="323"/>
    </row>
    <row r="93" spans="1:9">
      <c r="A93" s="21"/>
      <c r="B93" s="328"/>
      <c r="C93" s="329"/>
      <c r="D93" s="329"/>
      <c r="E93" s="323"/>
      <c r="F93" s="323"/>
      <c r="G93" s="323"/>
      <c r="H93" s="323"/>
      <c r="I93" s="323"/>
    </row>
    <row r="94" spans="1:9">
      <c r="A94" s="21">
        <v>5</v>
      </c>
      <c r="B94" s="27" t="s">
        <v>43</v>
      </c>
      <c r="C94" s="323"/>
      <c r="D94" s="323"/>
      <c r="E94" s="323"/>
      <c r="F94" s="323"/>
      <c r="G94" s="323"/>
      <c r="H94" s="323"/>
      <c r="I94" s="323"/>
    </row>
    <row r="95" spans="1:9">
      <c r="A95" s="21"/>
      <c r="B95" s="328" t="s">
        <v>63</v>
      </c>
      <c r="C95" s="329"/>
      <c r="D95" s="329"/>
      <c r="E95" s="323"/>
      <c r="F95" s="323"/>
      <c r="G95" s="323"/>
      <c r="H95" s="323"/>
      <c r="I95" s="323"/>
    </row>
    <row r="96" spans="1:9">
      <c r="A96" s="21"/>
      <c r="B96" s="322"/>
      <c r="C96" s="323"/>
      <c r="D96" s="323"/>
      <c r="E96" s="323"/>
      <c r="F96" s="323"/>
      <c r="G96" s="323"/>
      <c r="H96" s="323"/>
      <c r="I96" s="323"/>
    </row>
    <row r="97" spans="1:9">
      <c r="A97" s="21">
        <v>5</v>
      </c>
      <c r="B97" s="27" t="s">
        <v>503</v>
      </c>
      <c r="C97" s="323"/>
      <c r="D97" s="323"/>
      <c r="E97" s="323"/>
      <c r="F97" s="323"/>
      <c r="G97" s="323"/>
      <c r="H97" s="323"/>
      <c r="I97" s="323"/>
    </row>
    <row r="98" spans="1:9">
      <c r="A98" s="21"/>
      <c r="B98" s="328" t="s">
        <v>504</v>
      </c>
      <c r="C98" s="329"/>
      <c r="D98" s="329"/>
      <c r="E98" s="323"/>
      <c r="F98" s="323"/>
      <c r="G98" s="323"/>
      <c r="H98" s="323"/>
      <c r="I98" s="323"/>
    </row>
    <row r="99" spans="1:9">
      <c r="A99" s="21"/>
      <c r="B99" s="322"/>
      <c r="C99" s="323"/>
      <c r="D99" s="323"/>
      <c r="E99" s="323"/>
      <c r="F99" s="323"/>
      <c r="G99" s="323"/>
      <c r="H99" s="323"/>
      <c r="I99" s="323"/>
    </row>
    <row r="100" spans="1:9">
      <c r="A100" s="330" t="s">
        <v>44</v>
      </c>
      <c r="B100" s="330"/>
      <c r="C100" s="323"/>
      <c r="D100" s="323"/>
      <c r="E100" s="323"/>
      <c r="F100" s="323"/>
      <c r="G100" s="323"/>
      <c r="H100" s="323"/>
      <c r="I100" s="323"/>
    </row>
    <row r="101" spans="1:9">
      <c r="A101" s="21"/>
      <c r="B101" s="322"/>
      <c r="C101" s="323"/>
      <c r="D101" s="323"/>
      <c r="E101" s="323"/>
      <c r="F101" s="323"/>
      <c r="G101" s="323"/>
      <c r="H101" s="323"/>
      <c r="I101" s="323"/>
    </row>
    <row r="102" spans="1:9">
      <c r="A102" s="22">
        <v>6</v>
      </c>
      <c r="B102" s="229" t="s">
        <v>12</v>
      </c>
      <c r="C102" s="323"/>
      <c r="D102" s="323"/>
      <c r="E102" s="323"/>
      <c r="F102" s="323"/>
      <c r="G102" s="323"/>
      <c r="H102" s="323"/>
      <c r="I102" s="323"/>
    </row>
    <row r="103" spans="1:9">
      <c r="A103" s="21"/>
      <c r="B103" s="328" t="s">
        <v>24</v>
      </c>
      <c r="C103" s="329"/>
      <c r="D103" s="329"/>
      <c r="E103" s="323"/>
      <c r="F103" s="323"/>
      <c r="G103" s="323"/>
      <c r="H103" s="323"/>
      <c r="I103" s="323"/>
    </row>
    <row r="104" spans="1:9">
      <c r="A104" s="21"/>
      <c r="B104" s="328"/>
      <c r="C104" s="329"/>
      <c r="D104" s="329"/>
      <c r="E104" s="323"/>
      <c r="F104" s="323"/>
      <c r="G104" s="323"/>
      <c r="H104" s="323"/>
      <c r="I104" s="323"/>
    </row>
    <row r="105" spans="1:9">
      <c r="A105" s="21">
        <v>6</v>
      </c>
      <c r="B105" s="27" t="s">
        <v>45</v>
      </c>
      <c r="C105" s="323"/>
      <c r="D105" s="323"/>
      <c r="E105" s="323"/>
      <c r="F105" s="323"/>
      <c r="G105" s="323"/>
      <c r="H105" s="323"/>
      <c r="I105" s="323"/>
    </row>
    <row r="106" spans="1:9">
      <c r="A106" s="21"/>
      <c r="B106" s="322" t="s">
        <v>521</v>
      </c>
      <c r="C106" s="323"/>
      <c r="D106" s="323"/>
      <c r="E106" s="323"/>
      <c r="F106" s="323"/>
      <c r="G106" s="323"/>
      <c r="H106" s="323"/>
      <c r="I106" s="323"/>
    </row>
    <row r="107" spans="1:9">
      <c r="A107" s="21"/>
      <c r="B107" s="323"/>
      <c r="C107" s="323"/>
      <c r="D107" s="323"/>
      <c r="E107" s="323"/>
      <c r="F107" s="323"/>
      <c r="G107" s="323"/>
      <c r="H107" s="323"/>
      <c r="I107" s="323"/>
    </row>
    <row r="108" spans="1:9">
      <c r="A108" s="22">
        <v>6</v>
      </c>
      <c r="B108" s="27" t="s">
        <v>233</v>
      </c>
      <c r="C108" s="323"/>
      <c r="D108" s="323"/>
      <c r="E108" s="323"/>
      <c r="F108" s="323"/>
      <c r="G108" s="323"/>
      <c r="H108" s="323"/>
      <c r="I108" s="323"/>
    </row>
    <row r="109" spans="1:9">
      <c r="A109" s="21"/>
      <c r="B109" s="328" t="s">
        <v>25</v>
      </c>
      <c r="C109" s="329"/>
      <c r="D109" s="329"/>
      <c r="E109" s="323"/>
      <c r="F109" s="323"/>
      <c r="G109" s="323"/>
      <c r="H109" s="323"/>
      <c r="I109" s="323"/>
    </row>
    <row r="110" spans="1:9">
      <c r="A110" s="21"/>
      <c r="B110" s="328"/>
      <c r="C110" s="329"/>
      <c r="D110" s="329"/>
      <c r="E110" s="323"/>
      <c r="F110" s="323"/>
      <c r="G110" s="323"/>
      <c r="H110" s="323"/>
      <c r="I110" s="323"/>
    </row>
    <row r="111" spans="1:9">
      <c r="A111" s="21">
        <v>6</v>
      </c>
      <c r="B111" s="27" t="s">
        <v>46</v>
      </c>
      <c r="C111" s="323"/>
      <c r="D111" s="323"/>
      <c r="E111" s="323"/>
      <c r="F111" s="323"/>
      <c r="G111" s="323"/>
      <c r="H111" s="323"/>
      <c r="I111" s="323"/>
    </row>
    <row r="112" spans="1:9">
      <c r="A112" s="21"/>
      <c r="B112" s="322" t="s">
        <v>520</v>
      </c>
      <c r="C112" s="323"/>
      <c r="D112" s="323"/>
      <c r="E112" s="323"/>
      <c r="F112" s="323"/>
      <c r="G112" s="323"/>
      <c r="H112" s="323"/>
      <c r="I112" s="323"/>
    </row>
    <row r="113" spans="1:9">
      <c r="A113" s="21"/>
      <c r="B113" s="322"/>
      <c r="C113" s="323"/>
      <c r="D113" s="323"/>
      <c r="E113" s="323"/>
      <c r="F113" s="323"/>
      <c r="G113" s="323"/>
      <c r="H113" s="323"/>
      <c r="I113" s="323"/>
    </row>
    <row r="114" spans="1:9">
      <c r="A114" s="21">
        <v>6</v>
      </c>
      <c r="B114" s="27" t="s">
        <v>462</v>
      </c>
      <c r="C114" s="323"/>
      <c r="D114" s="323"/>
      <c r="E114" s="323"/>
      <c r="F114" s="323"/>
      <c r="G114" s="323"/>
      <c r="H114" s="323"/>
      <c r="I114" s="323"/>
    </row>
    <row r="115" spans="1:9">
      <c r="A115" s="21"/>
      <c r="B115" s="322" t="s">
        <v>506</v>
      </c>
      <c r="C115" s="323"/>
      <c r="D115" s="323"/>
      <c r="E115" s="323"/>
      <c r="F115" s="323"/>
      <c r="G115" s="323"/>
      <c r="H115" s="323"/>
      <c r="I115" s="323"/>
    </row>
    <row r="116" spans="1:9">
      <c r="A116" s="21"/>
      <c r="B116" s="322"/>
      <c r="C116" s="323"/>
      <c r="D116" s="323"/>
      <c r="E116" s="323"/>
      <c r="F116" s="323"/>
      <c r="G116" s="323"/>
      <c r="H116" s="323"/>
      <c r="I116" s="323"/>
    </row>
    <row r="117" spans="1:9">
      <c r="A117" s="21">
        <v>6</v>
      </c>
      <c r="B117" s="23" t="s">
        <v>30</v>
      </c>
      <c r="C117" s="323"/>
      <c r="D117" s="323"/>
      <c r="E117" s="323"/>
      <c r="F117" s="323"/>
      <c r="G117" s="323"/>
      <c r="H117" s="323"/>
      <c r="I117" s="323"/>
    </row>
    <row r="118" spans="1:9">
      <c r="A118" s="22"/>
      <c r="B118" s="323" t="s">
        <v>64</v>
      </c>
      <c r="C118" s="323"/>
      <c r="D118" s="323"/>
      <c r="E118" s="323"/>
      <c r="F118" s="323"/>
      <c r="G118" s="323"/>
      <c r="H118" s="323"/>
      <c r="I118" s="323"/>
    </row>
    <row r="119" spans="1:9">
      <c r="A119" s="21"/>
      <c r="B119" s="328"/>
      <c r="C119" s="329"/>
      <c r="D119" s="329"/>
      <c r="E119" s="323"/>
      <c r="F119" s="323"/>
      <c r="G119" s="323"/>
      <c r="H119" s="323"/>
      <c r="I119" s="323"/>
    </row>
    <row r="120" spans="1:9">
      <c r="A120" s="21">
        <v>6</v>
      </c>
      <c r="B120" s="27" t="s">
        <v>13</v>
      </c>
      <c r="C120" s="323"/>
      <c r="D120" s="323"/>
      <c r="E120" s="323"/>
      <c r="F120" s="323"/>
      <c r="G120" s="323"/>
      <c r="H120" s="323"/>
      <c r="I120" s="323"/>
    </row>
    <row r="121" spans="1:9">
      <c r="A121" s="28"/>
      <c r="B121" s="328" t="s">
        <v>14</v>
      </c>
      <c r="C121" s="329"/>
      <c r="D121" s="329"/>
      <c r="E121" s="323"/>
      <c r="F121" s="323"/>
      <c r="G121" s="323"/>
      <c r="H121" s="323"/>
      <c r="I121" s="323"/>
    </row>
    <row r="122" spans="1:9">
      <c r="A122" s="28"/>
      <c r="B122" s="322"/>
      <c r="C122" s="323"/>
      <c r="D122" s="323"/>
      <c r="E122" s="323"/>
      <c r="F122" s="323"/>
      <c r="G122" s="323"/>
      <c r="H122" s="323"/>
      <c r="I122" s="323"/>
    </row>
    <row r="123" spans="1:9">
      <c r="A123" s="21">
        <v>6</v>
      </c>
      <c r="B123" s="27" t="s">
        <v>400</v>
      </c>
      <c r="C123" s="323"/>
      <c r="D123" s="323"/>
      <c r="E123" s="323"/>
      <c r="F123" s="323"/>
      <c r="G123" s="323"/>
      <c r="H123" s="323"/>
      <c r="I123" s="323"/>
    </row>
    <row r="124" spans="1:9">
      <c r="A124" s="28"/>
      <c r="B124" s="328" t="s">
        <v>505</v>
      </c>
      <c r="C124" s="329"/>
      <c r="D124" s="329"/>
      <c r="E124" s="323"/>
      <c r="F124" s="323"/>
      <c r="G124" s="323"/>
      <c r="H124" s="323"/>
      <c r="I124" s="323"/>
    </row>
    <row r="125" spans="1:9">
      <c r="A125" s="28"/>
      <c r="B125" s="322"/>
      <c r="C125" s="323"/>
      <c r="D125" s="323"/>
      <c r="E125" s="323"/>
      <c r="F125" s="323"/>
      <c r="G125" s="323"/>
      <c r="H125" s="323"/>
      <c r="I125" s="323"/>
    </row>
    <row r="126" spans="1:9">
      <c r="A126" s="330" t="s">
        <v>47</v>
      </c>
      <c r="B126" s="330"/>
      <c r="C126" s="323"/>
      <c r="D126" s="323"/>
      <c r="E126" s="323"/>
      <c r="F126" s="323"/>
      <c r="G126" s="323"/>
      <c r="H126" s="323"/>
      <c r="I126" s="323"/>
    </row>
    <row r="127" spans="1:9">
      <c r="A127" s="28"/>
      <c r="B127" s="27"/>
      <c r="C127" s="323"/>
      <c r="D127" s="323"/>
      <c r="E127" s="323"/>
      <c r="F127" s="323"/>
      <c r="G127" s="323"/>
      <c r="H127" s="323"/>
      <c r="I127" s="323"/>
    </row>
    <row r="128" spans="1:9">
      <c r="A128" s="22">
        <v>7</v>
      </c>
      <c r="B128" s="229" t="s">
        <v>236</v>
      </c>
      <c r="C128" s="323"/>
      <c r="D128" s="323"/>
      <c r="E128" s="323"/>
      <c r="F128" s="323"/>
      <c r="G128" s="323"/>
      <c r="H128" s="323"/>
      <c r="I128" s="323"/>
    </row>
    <row r="129" spans="1:9">
      <c r="A129" s="28"/>
      <c r="B129" s="328" t="s">
        <v>340</v>
      </c>
      <c r="C129" s="329"/>
      <c r="D129" s="329"/>
      <c r="E129" s="323"/>
      <c r="F129" s="323"/>
      <c r="G129" s="323"/>
      <c r="H129" s="323"/>
      <c r="I129" s="323"/>
    </row>
    <row r="130" spans="1:9">
      <c r="A130" s="28"/>
      <c r="B130" s="328"/>
      <c r="C130" s="329"/>
      <c r="D130" s="329"/>
      <c r="E130" s="323"/>
      <c r="F130" s="323"/>
      <c r="G130" s="323"/>
      <c r="H130" s="323"/>
      <c r="I130" s="323"/>
    </row>
    <row r="131" spans="1:9">
      <c r="A131" s="22">
        <v>7</v>
      </c>
      <c r="B131" s="27" t="s">
        <v>507</v>
      </c>
      <c r="C131" s="323"/>
      <c r="D131" s="323"/>
      <c r="E131" s="323"/>
      <c r="F131" s="323"/>
      <c r="G131" s="323"/>
      <c r="H131" s="323"/>
      <c r="I131" s="323"/>
    </row>
    <row r="132" spans="1:9">
      <c r="A132" s="28"/>
      <c r="B132" s="328" t="s">
        <v>508</v>
      </c>
      <c r="C132" s="329"/>
      <c r="D132" s="329"/>
      <c r="E132" s="323"/>
      <c r="F132" s="323"/>
      <c r="G132" s="323"/>
      <c r="H132" s="323"/>
      <c r="I132" s="323"/>
    </row>
    <row r="133" spans="1:9">
      <c r="A133" s="28"/>
      <c r="B133" s="328"/>
      <c r="C133" s="329"/>
      <c r="D133" s="329"/>
      <c r="E133" s="323"/>
      <c r="F133" s="323"/>
      <c r="G133" s="323"/>
      <c r="H133" s="323"/>
      <c r="I133" s="323"/>
    </row>
    <row r="134" spans="1:9">
      <c r="A134" s="22">
        <v>7</v>
      </c>
      <c r="B134" s="27" t="s">
        <v>48</v>
      </c>
      <c r="C134" s="323"/>
      <c r="D134" s="323"/>
      <c r="E134" s="323"/>
      <c r="F134" s="323"/>
      <c r="G134" s="323"/>
      <c r="H134" s="323"/>
      <c r="I134" s="323"/>
    </row>
    <row r="135" spans="1:9">
      <c r="A135" s="28"/>
      <c r="B135" s="322" t="s">
        <v>65</v>
      </c>
      <c r="C135" s="323"/>
      <c r="D135" s="323"/>
      <c r="E135" s="323"/>
      <c r="F135" s="323"/>
      <c r="G135" s="323"/>
      <c r="H135" s="323"/>
      <c r="I135" s="323"/>
    </row>
    <row r="136" spans="1:9">
      <c r="A136" s="28"/>
      <c r="B136" s="322"/>
      <c r="C136" s="323"/>
      <c r="D136" s="323"/>
      <c r="E136" s="323"/>
      <c r="F136" s="323"/>
      <c r="G136" s="323"/>
      <c r="H136" s="323"/>
      <c r="I136" s="323"/>
    </row>
    <row r="137" spans="1:9">
      <c r="A137" s="22">
        <v>7</v>
      </c>
      <c r="B137" s="27" t="s">
        <v>509</v>
      </c>
      <c r="C137" s="323"/>
      <c r="D137" s="323"/>
      <c r="E137" s="323"/>
      <c r="F137" s="323"/>
      <c r="G137" s="323"/>
      <c r="H137" s="323"/>
      <c r="I137" s="323"/>
    </row>
    <row r="138" spans="1:9">
      <c r="A138" s="28"/>
      <c r="B138" s="328" t="s">
        <v>510</v>
      </c>
      <c r="C138" s="329"/>
      <c r="D138" s="329"/>
      <c r="E138" s="323"/>
      <c r="F138" s="323"/>
      <c r="G138" s="323"/>
      <c r="H138" s="323"/>
      <c r="I138" s="323"/>
    </row>
    <row r="139" spans="1:9">
      <c r="A139" s="28"/>
      <c r="B139" s="322"/>
      <c r="C139" s="323"/>
      <c r="D139" s="323"/>
      <c r="E139" s="323"/>
      <c r="F139" s="323"/>
      <c r="G139" s="323"/>
      <c r="H139" s="323"/>
      <c r="I139" s="323"/>
    </row>
    <row r="140" spans="1:9">
      <c r="A140" s="22">
        <v>7</v>
      </c>
      <c r="B140" s="27" t="s">
        <v>417</v>
      </c>
      <c r="C140" s="323"/>
      <c r="D140" s="323"/>
      <c r="E140" s="323"/>
      <c r="F140" s="323"/>
      <c r="G140" s="323"/>
      <c r="H140" s="323"/>
      <c r="I140" s="323"/>
    </row>
    <row r="141" spans="1:9">
      <c r="A141" s="28"/>
      <c r="B141" s="322" t="s">
        <v>66</v>
      </c>
      <c r="C141" s="323"/>
      <c r="D141" s="323"/>
      <c r="E141" s="323"/>
      <c r="F141" s="323"/>
      <c r="G141" s="323"/>
      <c r="H141" s="323"/>
      <c r="I141" s="323"/>
    </row>
    <row r="142" spans="1:9">
      <c r="A142" s="22"/>
      <c r="B142" s="322"/>
      <c r="C142" s="323"/>
      <c r="D142" s="323"/>
      <c r="E142" s="323"/>
      <c r="F142" s="323"/>
      <c r="G142" s="323"/>
      <c r="H142" s="323"/>
      <c r="I142" s="323"/>
    </row>
    <row r="143" spans="1:9">
      <c r="A143" s="22">
        <v>7</v>
      </c>
      <c r="B143" s="27" t="s">
        <v>511</v>
      </c>
      <c r="C143" s="323"/>
      <c r="D143" s="323"/>
      <c r="E143" s="323"/>
      <c r="F143" s="323"/>
      <c r="G143" s="323"/>
      <c r="H143" s="323"/>
      <c r="I143" s="323"/>
    </row>
    <row r="144" spans="1:9">
      <c r="A144" s="28"/>
      <c r="B144" s="328" t="s">
        <v>512</v>
      </c>
      <c r="C144" s="329"/>
      <c r="D144" s="329"/>
      <c r="E144" s="323"/>
      <c r="F144" s="323"/>
      <c r="G144" s="323"/>
      <c r="H144" s="323"/>
      <c r="I144" s="323"/>
    </row>
    <row r="145" spans="1:9">
      <c r="A145" s="22"/>
      <c r="B145" s="322"/>
      <c r="C145" s="323"/>
      <c r="D145" s="323"/>
      <c r="E145" s="323"/>
      <c r="F145" s="323"/>
      <c r="G145" s="323"/>
      <c r="H145" s="323"/>
      <c r="I145" s="323"/>
    </row>
    <row r="146" spans="1:9">
      <c r="A146" s="22">
        <v>7</v>
      </c>
      <c r="B146" s="27" t="s">
        <v>238</v>
      </c>
      <c r="C146" s="323"/>
      <c r="D146" s="323"/>
      <c r="E146" s="323"/>
      <c r="F146" s="323"/>
      <c r="G146" s="323"/>
      <c r="H146" s="323"/>
      <c r="I146" s="323"/>
    </row>
    <row r="147" spans="1:9">
      <c r="A147" s="22"/>
      <c r="B147" s="322" t="s">
        <v>341</v>
      </c>
      <c r="C147" s="323"/>
      <c r="D147" s="323"/>
      <c r="E147" s="323"/>
      <c r="F147" s="323"/>
      <c r="G147" s="323"/>
      <c r="H147" s="323"/>
      <c r="I147" s="323"/>
    </row>
    <row r="148" spans="1:9">
      <c r="A148" s="22"/>
      <c r="B148" s="322"/>
      <c r="C148" s="323"/>
      <c r="D148" s="323"/>
      <c r="E148" s="323"/>
      <c r="F148" s="323"/>
      <c r="G148" s="323"/>
      <c r="H148" s="323"/>
      <c r="I148" s="323"/>
    </row>
    <row r="149" spans="1:9">
      <c r="A149" s="22">
        <v>7</v>
      </c>
      <c r="B149" s="27" t="s">
        <v>423</v>
      </c>
      <c r="C149" s="323"/>
      <c r="D149" s="323"/>
      <c r="E149" s="323"/>
      <c r="F149" s="323"/>
      <c r="G149" s="323"/>
      <c r="H149" s="323"/>
      <c r="I149" s="323"/>
    </row>
    <row r="150" spans="1:9">
      <c r="A150" s="28"/>
      <c r="B150" s="328" t="s">
        <v>513</v>
      </c>
      <c r="C150" s="329"/>
      <c r="D150" s="329"/>
      <c r="E150" s="323"/>
      <c r="F150" s="323"/>
      <c r="G150" s="323"/>
      <c r="H150" s="323"/>
      <c r="I150" s="323"/>
    </row>
    <row r="151" spans="1:9">
      <c r="A151" s="22"/>
      <c r="B151" s="322"/>
      <c r="C151" s="323"/>
      <c r="D151" s="323"/>
      <c r="E151" s="323"/>
      <c r="F151" s="323"/>
      <c r="G151" s="323"/>
      <c r="H151" s="323"/>
      <c r="I151" s="323"/>
    </row>
    <row r="152" spans="1:9">
      <c r="A152" s="22">
        <v>7</v>
      </c>
      <c r="B152" s="27" t="s">
        <v>426</v>
      </c>
      <c r="C152" s="323"/>
      <c r="D152" s="323"/>
      <c r="E152" s="323"/>
      <c r="F152" s="323"/>
      <c r="G152" s="323"/>
      <c r="H152" s="323"/>
      <c r="I152" s="323"/>
    </row>
    <row r="153" spans="1:9">
      <c r="A153" s="28"/>
      <c r="B153" s="322" t="s">
        <v>522</v>
      </c>
      <c r="C153" s="323"/>
      <c r="D153" s="323"/>
      <c r="E153" s="323"/>
      <c r="F153" s="323"/>
      <c r="G153" s="323"/>
      <c r="H153" s="323"/>
      <c r="I153" s="323"/>
    </row>
    <row r="154" spans="1:9">
      <c r="A154" s="28"/>
      <c r="B154" s="322"/>
      <c r="C154" s="323"/>
      <c r="D154" s="323"/>
      <c r="E154" s="323"/>
      <c r="F154" s="323"/>
      <c r="G154" s="323"/>
      <c r="H154" s="323"/>
      <c r="I154" s="323"/>
    </row>
    <row r="155" spans="1:9">
      <c r="A155" s="22">
        <v>7</v>
      </c>
      <c r="B155" s="27" t="s">
        <v>15</v>
      </c>
      <c r="C155" s="323"/>
      <c r="D155" s="323"/>
      <c r="E155" s="323"/>
      <c r="F155" s="323"/>
      <c r="G155" s="323"/>
      <c r="H155" s="323"/>
      <c r="I155" s="323"/>
    </row>
    <row r="156" spans="1:9">
      <c r="A156" s="28"/>
      <c r="B156" s="328" t="s">
        <v>26</v>
      </c>
      <c r="C156" s="329"/>
      <c r="D156" s="329"/>
      <c r="E156" s="323"/>
      <c r="F156" s="323"/>
      <c r="G156" s="323"/>
      <c r="H156" s="323"/>
      <c r="I156" s="323"/>
    </row>
    <row r="157" spans="1:9">
      <c r="A157" s="22"/>
      <c r="B157" s="322"/>
      <c r="C157" s="323"/>
      <c r="D157" s="323"/>
      <c r="E157" s="323"/>
      <c r="F157" s="323"/>
      <c r="G157" s="323"/>
      <c r="H157" s="323"/>
      <c r="I157" s="323"/>
    </row>
    <row r="158" spans="1:9">
      <c r="A158" s="22">
        <v>7</v>
      </c>
      <c r="B158" s="27" t="s">
        <v>67</v>
      </c>
      <c r="C158" s="323"/>
      <c r="D158" s="323"/>
      <c r="E158" s="323"/>
      <c r="F158" s="323"/>
      <c r="G158" s="323"/>
      <c r="H158" s="323"/>
      <c r="I158" s="323"/>
    </row>
    <row r="159" spans="1:9">
      <c r="A159" s="28"/>
      <c r="B159" s="322" t="s">
        <v>523</v>
      </c>
      <c r="C159" s="323"/>
      <c r="D159" s="323"/>
      <c r="E159" s="323"/>
      <c r="F159" s="323"/>
      <c r="G159" s="323"/>
      <c r="H159" s="323"/>
      <c r="I159" s="323"/>
    </row>
    <row r="160" spans="1:9">
      <c r="A160" s="28"/>
      <c r="B160" s="322"/>
      <c r="C160" s="323"/>
      <c r="D160" s="323"/>
      <c r="E160" s="323"/>
      <c r="F160" s="323"/>
      <c r="G160" s="323"/>
      <c r="H160" s="323"/>
      <c r="I160" s="323"/>
    </row>
    <row r="161" spans="1:9">
      <c r="A161" s="22">
        <v>7</v>
      </c>
      <c r="B161" s="248" t="s">
        <v>49</v>
      </c>
      <c r="C161" s="22"/>
      <c r="D161" s="22"/>
      <c r="E161" s="323"/>
      <c r="F161" s="323"/>
      <c r="G161" s="323"/>
      <c r="H161" s="323"/>
      <c r="I161" s="323"/>
    </row>
    <row r="162" spans="1:9">
      <c r="A162" s="22"/>
      <c r="B162" s="22" t="s">
        <v>27</v>
      </c>
      <c r="C162" s="22"/>
      <c r="D162" s="22"/>
      <c r="E162" s="323"/>
      <c r="F162" s="323"/>
      <c r="G162" s="323"/>
      <c r="H162" s="323"/>
      <c r="I162" s="323"/>
    </row>
    <row r="163" spans="1:9">
      <c r="A163" s="22"/>
      <c r="B163" s="22"/>
      <c r="C163" s="22"/>
      <c r="D163" s="22"/>
      <c r="E163" s="323"/>
      <c r="F163" s="323"/>
      <c r="G163" s="323"/>
      <c r="H163" s="323"/>
      <c r="I163" s="323"/>
    </row>
    <row r="164" spans="1:9">
      <c r="A164" s="22">
        <v>7</v>
      </c>
      <c r="B164" s="248" t="s">
        <v>50</v>
      </c>
      <c r="C164" s="22"/>
      <c r="D164" s="22"/>
      <c r="E164" s="323"/>
      <c r="F164" s="323"/>
      <c r="G164" s="323"/>
      <c r="H164" s="323"/>
      <c r="I164" s="323"/>
    </row>
    <row r="165" spans="1:9">
      <c r="A165" s="22"/>
      <c r="B165" s="22" t="s">
        <v>524</v>
      </c>
      <c r="C165" s="22"/>
      <c r="D165" s="22"/>
      <c r="E165" s="323"/>
      <c r="F165" s="323"/>
      <c r="G165" s="323"/>
      <c r="H165" s="323"/>
      <c r="I165" s="323"/>
    </row>
    <row r="166" spans="1:9">
      <c r="A166" s="28"/>
      <c r="B166" s="322"/>
      <c r="C166" s="323"/>
      <c r="D166" s="323"/>
      <c r="E166" s="323"/>
      <c r="F166" s="323"/>
      <c r="G166" s="323"/>
      <c r="H166" s="323"/>
      <c r="I166" s="323"/>
    </row>
    <row r="167" spans="1:9">
      <c r="A167" s="22">
        <v>7</v>
      </c>
      <c r="B167" s="248" t="s">
        <v>16</v>
      </c>
      <c r="C167" s="323"/>
      <c r="D167" s="323"/>
      <c r="E167" s="323"/>
      <c r="F167" s="323"/>
      <c r="G167" s="323"/>
      <c r="H167" s="323"/>
      <c r="I167" s="323"/>
    </row>
    <row r="168" spans="1:9">
      <c r="A168" s="28"/>
      <c r="B168" s="328" t="s">
        <v>28</v>
      </c>
      <c r="C168" s="329"/>
      <c r="D168" s="329"/>
      <c r="E168" s="323"/>
      <c r="F168" s="323"/>
      <c r="G168" s="323"/>
      <c r="H168" s="323"/>
      <c r="I168" s="323"/>
    </row>
    <row r="169" spans="1:9">
      <c r="A169" s="28"/>
      <c r="B169" s="322"/>
      <c r="C169" s="323"/>
      <c r="D169" s="323"/>
      <c r="E169" s="323"/>
      <c r="F169" s="323"/>
      <c r="G169" s="323"/>
      <c r="H169" s="323"/>
      <c r="I169" s="323"/>
    </row>
    <row r="170" spans="1:9">
      <c r="A170" s="22">
        <v>7</v>
      </c>
      <c r="B170" s="27" t="s">
        <v>51</v>
      </c>
      <c r="C170" s="323"/>
      <c r="D170" s="323"/>
      <c r="E170" s="323"/>
      <c r="F170" s="323"/>
      <c r="G170" s="323"/>
      <c r="H170" s="323"/>
      <c r="I170" s="323"/>
    </row>
    <row r="171" spans="1:9">
      <c r="A171" s="28"/>
      <c r="B171" s="22" t="s">
        <v>525</v>
      </c>
      <c r="C171" s="323"/>
      <c r="D171" s="323"/>
      <c r="E171" s="323"/>
      <c r="F171" s="323"/>
      <c r="G171" s="323"/>
      <c r="H171" s="323"/>
      <c r="I171" s="323"/>
    </row>
    <row r="172" spans="1:9">
      <c r="A172" s="28"/>
      <c r="B172" s="322"/>
      <c r="C172" s="323"/>
      <c r="D172" s="323"/>
      <c r="E172" s="323"/>
      <c r="F172" s="323"/>
      <c r="G172" s="323"/>
      <c r="H172" s="323"/>
      <c r="I172" s="323"/>
    </row>
    <row r="173" spans="1:9">
      <c r="A173" s="330" t="s">
        <v>52</v>
      </c>
      <c r="B173" s="330"/>
      <c r="C173" s="322"/>
      <c r="D173" s="322"/>
      <c r="E173" s="323"/>
      <c r="F173" s="323"/>
      <c r="G173" s="323"/>
      <c r="H173" s="323"/>
      <c r="I173" s="323"/>
    </row>
    <row r="174" spans="1:9">
      <c r="A174" s="28"/>
      <c r="B174" s="27"/>
      <c r="C174" s="323"/>
      <c r="D174" s="323"/>
      <c r="E174" s="323"/>
      <c r="F174" s="323"/>
      <c r="G174" s="323"/>
      <c r="H174" s="323"/>
      <c r="I174" s="323"/>
    </row>
    <row r="175" spans="1:9">
      <c r="A175" s="22">
        <v>8</v>
      </c>
      <c r="B175" s="229" t="s">
        <v>17</v>
      </c>
      <c r="C175" s="323"/>
      <c r="D175" s="323"/>
      <c r="E175" s="323"/>
      <c r="F175" s="323"/>
      <c r="G175" s="323"/>
      <c r="H175" s="323"/>
      <c r="I175" s="323"/>
    </row>
    <row r="176" spans="1:9">
      <c r="A176" s="28"/>
      <c r="B176" s="328" t="s">
        <v>29</v>
      </c>
      <c r="C176" s="329"/>
      <c r="D176" s="329"/>
      <c r="E176" s="323"/>
      <c r="F176" s="323"/>
      <c r="G176" s="323"/>
      <c r="H176" s="323"/>
      <c r="I176" s="323"/>
    </row>
    <row r="177" spans="1:9">
      <c r="A177" s="28"/>
      <c r="B177" s="328"/>
      <c r="C177" s="329"/>
      <c r="D177" s="329"/>
      <c r="E177" s="323"/>
      <c r="F177" s="323"/>
      <c r="G177" s="323"/>
      <c r="H177" s="323"/>
      <c r="I177" s="323"/>
    </row>
    <row r="178" spans="1:9">
      <c r="A178" s="21">
        <v>8</v>
      </c>
      <c r="B178" s="23" t="s">
        <v>53</v>
      </c>
      <c r="C178" s="323"/>
      <c r="D178" s="323"/>
      <c r="E178" s="323"/>
      <c r="F178" s="323"/>
      <c r="G178" s="323"/>
      <c r="H178" s="323"/>
      <c r="I178" s="323"/>
    </row>
    <row r="179" spans="1:9">
      <c r="A179" s="21"/>
      <c r="B179" s="22" t="s">
        <v>526</v>
      </c>
      <c r="C179" s="323"/>
      <c r="D179" s="323"/>
      <c r="E179" s="323"/>
      <c r="F179" s="323"/>
      <c r="G179" s="323"/>
      <c r="H179" s="323"/>
      <c r="I179" s="323"/>
    </row>
    <row r="180" spans="1:9">
      <c r="A180" s="21"/>
      <c r="B180" s="323"/>
      <c r="C180" s="323"/>
      <c r="D180" s="323"/>
      <c r="E180" s="323"/>
      <c r="F180" s="323"/>
      <c r="G180" s="323"/>
      <c r="H180" s="323"/>
      <c r="I180" s="323"/>
    </row>
    <row r="181" spans="1:9">
      <c r="A181" s="21"/>
      <c r="B181" s="323"/>
      <c r="C181" s="323"/>
      <c r="D181" s="323"/>
      <c r="E181" s="323"/>
      <c r="F181" s="323"/>
      <c r="G181" s="323"/>
      <c r="H181" s="323"/>
      <c r="I181" s="323"/>
    </row>
  </sheetData>
  <mergeCells count="47">
    <mergeCell ref="B177:D177"/>
    <mergeCell ref="B130:D130"/>
    <mergeCell ref="B121:D121"/>
    <mergeCell ref="B129:D129"/>
    <mergeCell ref="B168:D168"/>
    <mergeCell ref="B176:D176"/>
    <mergeCell ref="B156:D156"/>
    <mergeCell ref="B124:D124"/>
    <mergeCell ref="B132:D132"/>
    <mergeCell ref="B133:D133"/>
    <mergeCell ref="B138:D138"/>
    <mergeCell ref="B144:D144"/>
    <mergeCell ref="B150:D150"/>
    <mergeCell ref="A126:B126"/>
    <mergeCell ref="A173:B173"/>
    <mergeCell ref="A1:D1"/>
    <mergeCell ref="B8:F8"/>
    <mergeCell ref="B64:D64"/>
    <mergeCell ref="B65:D65"/>
    <mergeCell ref="B47:E47"/>
    <mergeCell ref="B11:D11"/>
    <mergeCell ref="B28:G28"/>
    <mergeCell ref="A42:C42"/>
    <mergeCell ref="B56:C56"/>
    <mergeCell ref="B31:G31"/>
    <mergeCell ref="A5:B5"/>
    <mergeCell ref="A25:B25"/>
    <mergeCell ref="A44:B44"/>
    <mergeCell ref="A61:B61"/>
    <mergeCell ref="B68:C68"/>
    <mergeCell ref="B109:D109"/>
    <mergeCell ref="B110:D110"/>
    <mergeCell ref="B86:D86"/>
    <mergeCell ref="B69:E69"/>
    <mergeCell ref="B119:D119"/>
    <mergeCell ref="B78:D78"/>
    <mergeCell ref="B93:D93"/>
    <mergeCell ref="B72:E72"/>
    <mergeCell ref="B104:D104"/>
    <mergeCell ref="B92:D92"/>
    <mergeCell ref="B103:D103"/>
    <mergeCell ref="B73:E73"/>
    <mergeCell ref="B95:D95"/>
    <mergeCell ref="B81:D81"/>
    <mergeCell ref="B98:D98"/>
    <mergeCell ref="A83:B83"/>
    <mergeCell ref="A100:B100"/>
  </mergeCells>
  <hyperlinks>
    <hyperlink ref="A46:B46" location="'02'!A29" display="'02'!A29" xr:uid="{00000000-0004-0000-0300-000000000000}"/>
    <hyperlink ref="A55:B55" location="'02'!A42" display="'02'!A42" xr:uid="{00000000-0004-0000-0300-000001000000}"/>
    <hyperlink ref="A71:B71" location="'02'!A55" display="'02'!A55" xr:uid="{00000000-0004-0000-0300-000002000000}"/>
    <hyperlink ref="A77:B77" location="'02'!A68" display="'02'!A68" xr:uid="{00000000-0004-0000-0300-000003000000}"/>
    <hyperlink ref="B7" location="'1 IndividualWellbeing'!A3" display="Global Life Satisfaction" xr:uid="{00000000-0004-0000-0300-000004000000}"/>
    <hyperlink ref="B63" location="'4 HumanCapital'!A3" display="General health" xr:uid="{00000000-0004-0000-0300-000005000000}"/>
    <hyperlink ref="B67" location="'4 HumanCapital'!A32" display="K6 psychological distress" xr:uid="{00000000-0004-0000-0300-000006000000}"/>
    <hyperlink ref="B46" location="'3 FinancialCapital'!A3" display="Household financial wellbeing" xr:uid="{00000000-0004-0000-0300-000007000000}"/>
    <hyperlink ref="B55" location="'3 FinancialCapital'!A90" display="Community economic wellbeing" xr:uid="{00000000-0004-0000-0300-000008000000}"/>
    <hyperlink ref="B71" location="'4 HumanCapital'!A61" display="Self-efficacy" xr:uid="{00000000-0004-0000-0300-000009000000}"/>
    <hyperlink ref="B77" location="'4 HumanCapital'!A119" display="Community leadership and collaboration" xr:uid="{00000000-0004-0000-0300-00000A000000}"/>
    <hyperlink ref="A85:B85" location="'02'!A68" display="'02'!A68" xr:uid="{00000000-0004-0000-0300-00000B000000}"/>
    <hyperlink ref="B85" location="'5 InstitutionalCapital'!A3" display="Having a say and being heard" xr:uid="{00000000-0004-0000-0300-00000C000000}"/>
    <hyperlink ref="A91:B91" location="'02'!A68" display="'02'!A68" xr:uid="{00000000-0004-0000-0300-00000D000000}"/>
    <hyperlink ref="B91" location="'5 InstitutionalCapital'!A61" display="Contributing to local governance" xr:uid="{00000000-0004-0000-0300-00000E000000}"/>
    <hyperlink ref="A102:B102" location="'02'!A68" display="'02'!A68" xr:uid="{00000000-0004-0000-0300-00000F000000}"/>
    <hyperlink ref="B102" location="'6 SocialCapital'!A3" display="Spending time with friends and family" xr:uid="{00000000-0004-0000-0300-000010000000}"/>
    <hyperlink ref="A108:B108" location="'02'!A68" display="'02'!A68" xr:uid="{00000000-0004-0000-0300-000011000000}"/>
    <hyperlink ref="B108" location="'6 SocialCapital'!A61" display="Getting involved in the community" xr:uid="{00000000-0004-0000-0300-000012000000}"/>
    <hyperlink ref="B120" location="'6 SocialCapital'!A177" display="Sense of belonging" xr:uid="{00000000-0004-0000-0300-000013000000}"/>
    <hyperlink ref="A128:B128" location="'02'!A68" display="'02'!A68" xr:uid="{00000000-0004-0000-0300-000014000000}"/>
    <hyperlink ref="B128" location="'7 PhysicalCapital'!A3" display="Access to health, education, aged care and child care " xr:uid="{00000000-0004-0000-0300-000015000000}"/>
    <hyperlink ref="B155" location="'7 PhysicalCapital'!A264" display="Access to telecommunications" xr:uid="{00000000-0004-0000-0300-000016000000}"/>
    <hyperlink ref="B161" location="'7 PhysicalCapital'!A322" display="Crime and safety in the local community" xr:uid="{00000000-0004-0000-0300-000017000000}"/>
    <hyperlink ref="B167" location="'7 PhysicalCapital'!A380" display="Landscape and aesthetics" xr:uid="{00000000-0004-0000-0300-000018000000}"/>
    <hyperlink ref="B175" location="'8 NaturalCapital'!A3" display="Perceived environmental health" xr:uid="{00000000-0004-0000-0300-000019000000}"/>
    <hyperlink ref="B10" location="'1 IndividualWellbeing'!A32" display="Personal Wellbeing Index" xr:uid="{00000000-0004-0000-0300-00001A000000}"/>
    <hyperlink ref="B27" location="'2 CommunityWellbeing'!A3" display="Community wellbeing measures" xr:uid="{00000000-0004-0000-0300-00001B000000}"/>
    <hyperlink ref="B13" location="'1 IndividualWellbeing'!A61" display="Personal wellbeing domains" xr:uid="{00000000-0004-0000-0300-00001C000000}"/>
    <hyperlink ref="B16" location="'1 IndividualWellbeing'!A90" display="Eudaimonic wellbeing" xr:uid="{00000000-0004-0000-0300-00001D000000}"/>
    <hyperlink ref="B33" location="'2 CommunityWellbeing'!A61" display="Changes in community liveability" xr:uid="{00000000-0004-0000-0300-00001E000000}"/>
    <hyperlink ref="B36" location="'2 CommunityWellbeing'!A90" display="Migration" xr:uid="{00000000-0004-0000-0300-00001F000000}"/>
    <hyperlink ref="A5" location="'1 IndividualWellbeing'!A1" display="Wellbeing of people" xr:uid="{00000000-0004-0000-0300-000020000000}"/>
    <hyperlink ref="A44" location="'3 FinancialCapital'!A1" display="Financial capital" xr:uid="{00000000-0004-0000-0300-000021000000}"/>
    <hyperlink ref="A61" location="'4 HumanCapital'!A1" display="Human capital" xr:uid="{00000000-0004-0000-0300-000022000000}"/>
    <hyperlink ref="B49" location="'3 FinancialCapital'!A32" display="Household financial measures" xr:uid="{00000000-0004-0000-0300-000023000000}"/>
    <hyperlink ref="B52" location="'3 FinancialCapital'!A61" display="Financial distress" xr:uid="{00000000-0004-0000-0300-000024000000}"/>
    <hyperlink ref="B58" location="'3 FinancialCapital'!A119" display="Community economic measures" xr:uid="{00000000-0004-0000-0300-000025000000}"/>
    <hyperlink ref="B74" location="'4 HumanCapital'!A90" display="Self-efficacy measures" xr:uid="{00000000-0004-0000-0300-000026000000}"/>
    <hyperlink ref="A83" location="'5 InstitutionalCapital'!A1" display="Institutional Capital" xr:uid="{00000000-0004-0000-0300-000027000000}"/>
    <hyperlink ref="B88" location="'5 InstitutionalCapital'!A32" display="Having a say and being heard measures" xr:uid="{00000000-0004-0000-0300-000028000000}"/>
    <hyperlink ref="A100" location="'6 SocialCapital'!A1" display="Social capital" xr:uid="{00000000-0004-0000-0300-000029000000}"/>
    <hyperlink ref="B105" location="'6 SocialCapital'!A32" display="Spending time with friends and family measures" xr:uid="{00000000-0004-0000-0300-00002A000000}"/>
    <hyperlink ref="B111" location="'6 SocialCapital'!A90" display="Getting involved measures" xr:uid="{00000000-0004-0000-0300-00002B000000}"/>
    <hyperlink ref="B117" location="'6 SocialCapital'!A148" display="Volunteering" xr:uid="{00000000-0004-0000-0300-00002C000000}"/>
    <hyperlink ref="A126" location="'7 PhysicalCapital'!A1" display="Physical capital" xr:uid="{00000000-0004-0000-0300-00002D000000}"/>
    <hyperlink ref="B134" location="'7 PhysicalCapital'!A61" display="Access to roads and public transport " xr:uid="{00000000-0004-0000-0300-00002E000000}"/>
    <hyperlink ref="B140" location="'7 PhysicalCapital'!A119" display="Access to food" xr:uid="{00000000-0004-0000-0300-00002F000000}"/>
    <hyperlink ref="B146" location="'7 PhysicalCapital'!A177" display="Access to local government services" xr:uid="{00000000-0004-0000-0300-000030000000}"/>
    <hyperlink ref="B158" location="'7 PhysicalCapital'!A293" display="Access to telecommunications measures" xr:uid="{00000000-0004-0000-0300-000031000000}"/>
    <hyperlink ref="B164" location="'7 PhysicalCapital'!A351" display="Crime and safety in the local community measures" xr:uid="{00000000-0004-0000-0300-000032000000}"/>
    <hyperlink ref="B170" location="'7 PhysicalCapital'!A409" display="Landscape and aesthetics measures" xr:uid="{00000000-0004-0000-0300-000033000000}"/>
    <hyperlink ref="A173" location="'8 NaturalCapital'!A1" display="Natural capital" xr:uid="{00000000-0004-0000-0300-000034000000}"/>
    <hyperlink ref="B178" location="'8 NaturalCapital'!A32" display="Perceived environmental health measures" xr:uid="{00000000-0004-0000-0300-000035000000}"/>
    <hyperlink ref="B94" location="'5 InstitutionalCapital'!A90" display="Equity and inclusion" xr:uid="{00000000-0004-0000-0300-000036000000}"/>
    <hyperlink ref="B114" location="'6 SocialCapital'!A119" display="Quality of community events" xr:uid="{00000000-0004-0000-0300-000037000000}"/>
    <hyperlink ref="B19" location="'1 IndividualWellbeing'!A119" display="Eudaimonic wellbeing domains" xr:uid="{00000000-0004-0000-0300-000038000000}"/>
    <hyperlink ref="A25" location="'2 CommunityWellbeing'!A1" display="Wellbeing of communities" xr:uid="{00000000-0004-0000-0300-000039000000}"/>
    <hyperlink ref="B22" location="'1 IndividualWellbeing'!A148" display="Emotional Affect Index " xr:uid="{00000000-0004-0000-0300-00003A000000}"/>
    <hyperlink ref="B30" location="'2 CommunityWellbeing'!A32" display="Community wellbeing domains" xr:uid="{00000000-0004-0000-0300-00003B000000}"/>
    <hyperlink ref="B39" location="'2 CommunityWellbeing'!A119" display="Would recommend community" xr:uid="{00000000-0004-0000-0300-00003C000000}"/>
    <hyperlink ref="A80:B80" location="'02'!A68" display="'02'!A68" xr:uid="{00000000-0004-0000-0300-00003D000000}"/>
    <hyperlink ref="B80" location="'4 HumanCapital'!A148" display="Community leadership and collaboration measures" xr:uid="{00000000-0004-0000-0300-00003E000000}"/>
    <hyperlink ref="B97" location="'5 InstitutionalCapital'!A119" display="Equity and inclusion measures" xr:uid="{00000000-0004-0000-0300-00003F000000}"/>
    <hyperlink ref="B123" location="'6 SocialCapital'!A206" display="Sense of belonging measures" xr:uid="{00000000-0004-0000-0300-000040000000}"/>
    <hyperlink ref="A131:B131" location="'02'!A68" display="'02'!A68" xr:uid="{00000000-0004-0000-0300-000041000000}"/>
    <hyperlink ref="B131" location="'7 PhysicalCapital'!A32" display="Access to health and education services measures" xr:uid="{00000000-0004-0000-0300-000042000000}"/>
    <hyperlink ref="B137" location="'7 PhysicalCapital'!A90" display="Access to roads and public transport " xr:uid="{00000000-0004-0000-0300-000043000000}"/>
    <hyperlink ref="B143" location="'7 PhysicalCapital'!A148" display="Access to food measures" xr:uid="{00000000-0004-0000-0300-000044000000}"/>
    <hyperlink ref="B149" location="'7 PhysicalCapital'!A206" display="Access to financial and professional services" xr:uid="{00000000-0004-0000-0300-000045000000}"/>
    <hyperlink ref="B152" location="'7 PhysicalCapital'!A235" display="Access to financial and professional services measures" xr:uid="{00000000-0004-0000-0300-000046000000}"/>
  </hyperlink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X204"/>
  <sheetViews>
    <sheetView zoomScaleNormal="100" zoomScalePageLayoutView="75" workbookViewId="0"/>
  </sheetViews>
  <sheetFormatPr defaultColWidth="20.28515625" defaultRowHeight="15"/>
  <cols>
    <col min="1" max="1" width="54.7109375" style="1" customWidth="1"/>
    <col min="2" max="4" width="20.28515625" style="1" customWidth="1"/>
    <col min="5" max="6" width="20.28515625" style="5" customWidth="1"/>
    <col min="7" max="16384" width="20.28515625" style="1"/>
  </cols>
  <sheetData>
    <row r="1" spans="1:8" ht="31.5">
      <c r="A1" s="30" t="s">
        <v>59</v>
      </c>
    </row>
    <row r="3" spans="1:8" ht="18.75">
      <c r="A3" s="337" t="s">
        <v>68</v>
      </c>
      <c r="B3" s="337"/>
      <c r="C3" s="337"/>
      <c r="D3" s="337"/>
      <c r="E3" s="337"/>
      <c r="F3" s="337"/>
      <c r="G3" s="337"/>
      <c r="H3" s="337"/>
    </row>
    <row r="4" spans="1:8" ht="43.5" customHeight="1">
      <c r="A4" s="346" t="s">
        <v>69</v>
      </c>
      <c r="B4" s="346"/>
      <c r="C4" s="346"/>
      <c r="D4" s="346"/>
      <c r="E4" s="346"/>
      <c r="F4" s="346"/>
      <c r="G4" s="346"/>
      <c r="H4" s="346"/>
    </row>
    <row r="5" spans="1:8" ht="40.5" customHeight="1">
      <c r="A5" s="352" t="s">
        <v>70</v>
      </c>
      <c r="B5" s="353"/>
      <c r="C5" s="353"/>
      <c r="D5" s="353"/>
      <c r="E5" s="353"/>
      <c r="F5" s="353"/>
      <c r="G5" s="353"/>
      <c r="H5" s="353"/>
    </row>
    <row r="6" spans="1:8" ht="45" customHeight="1">
      <c r="A6" s="32" t="s">
        <v>71</v>
      </c>
      <c r="B6" s="33" t="s">
        <v>72</v>
      </c>
      <c r="C6" s="34" t="s">
        <v>588</v>
      </c>
      <c r="D6" s="35" t="s">
        <v>73</v>
      </c>
      <c r="E6" s="33" t="s">
        <v>331</v>
      </c>
      <c r="F6" s="35" t="s">
        <v>335</v>
      </c>
      <c r="G6" s="34" t="s">
        <v>333</v>
      </c>
      <c r="H6" s="35" t="s">
        <v>336</v>
      </c>
    </row>
    <row r="7" spans="1:8" ht="60">
      <c r="A7" s="36"/>
      <c r="B7" s="37" t="s">
        <v>74</v>
      </c>
      <c r="C7" s="38" t="s">
        <v>75</v>
      </c>
      <c r="D7" s="39" t="s">
        <v>76</v>
      </c>
      <c r="E7" s="37" t="s">
        <v>332</v>
      </c>
      <c r="F7" s="86" t="s">
        <v>88</v>
      </c>
      <c r="G7" s="123" t="s">
        <v>334</v>
      </c>
      <c r="H7" s="86" t="s">
        <v>88</v>
      </c>
    </row>
    <row r="8" spans="1:8">
      <c r="A8" s="40" t="s">
        <v>350</v>
      </c>
      <c r="B8" s="41">
        <v>13603</v>
      </c>
      <c r="C8" s="42">
        <v>69.414645476983182</v>
      </c>
      <c r="D8" s="43">
        <v>0.35037310145591</v>
      </c>
      <c r="E8" s="269">
        <v>0.25018988080187143</v>
      </c>
      <c r="F8" s="262">
        <v>7.4268009015894436E-3</v>
      </c>
      <c r="G8" s="269">
        <v>0.35384439625459785</v>
      </c>
      <c r="H8" s="262">
        <v>8.1985197592878839E-3</v>
      </c>
    </row>
    <row r="9" spans="1:8">
      <c r="A9" s="44" t="s">
        <v>351</v>
      </c>
      <c r="B9" s="45">
        <v>10078</v>
      </c>
      <c r="C9" s="46">
        <v>70.952475882326496</v>
      </c>
      <c r="D9" s="47">
        <v>0.39666146567503169</v>
      </c>
      <c r="E9" s="270">
        <v>0.2186499859839999</v>
      </c>
      <c r="F9" s="263">
        <v>8.2344385554779347E-3</v>
      </c>
      <c r="G9" s="270">
        <v>0.38470680343691377</v>
      </c>
      <c r="H9" s="263">
        <v>9.6910829926267501E-3</v>
      </c>
    </row>
    <row r="10" spans="1:8" s="5" customFormat="1">
      <c r="A10" s="40" t="s">
        <v>352</v>
      </c>
      <c r="B10" s="41">
        <v>3525</v>
      </c>
      <c r="C10" s="42">
        <v>68.111747174470864</v>
      </c>
      <c r="D10" s="43">
        <v>0.72343117209105501</v>
      </c>
      <c r="E10" s="269">
        <v>0.27691147199739036</v>
      </c>
      <c r="F10" s="262">
        <v>1.5069284269508867E-2</v>
      </c>
      <c r="G10" s="269">
        <v>0.32769679389896594</v>
      </c>
      <c r="H10" s="262">
        <v>1.5804804968703009E-2</v>
      </c>
    </row>
    <row r="11" spans="1:8" s="5" customFormat="1">
      <c r="A11" s="44" t="s">
        <v>534</v>
      </c>
      <c r="B11" s="45">
        <v>1839</v>
      </c>
      <c r="C11" s="46">
        <v>68.311906644502713</v>
      </c>
      <c r="D11" s="47">
        <v>1.003508940796437</v>
      </c>
      <c r="E11" s="270">
        <v>0.26008719333690655</v>
      </c>
      <c r="F11" s="263">
        <v>2.0450245037785406E-2</v>
      </c>
      <c r="G11" s="270">
        <v>0.33833259662199827</v>
      </c>
      <c r="H11" s="263">
        <v>2.2047990812106188E-2</v>
      </c>
    </row>
    <row r="12" spans="1:8" s="5" customFormat="1">
      <c r="A12" s="40" t="s">
        <v>535</v>
      </c>
      <c r="B12" s="41">
        <v>1508</v>
      </c>
      <c r="C12" s="42">
        <v>68.486662499300081</v>
      </c>
      <c r="D12" s="43">
        <v>1.1154006642113412</v>
      </c>
      <c r="E12" s="269">
        <v>0.25867653572440158</v>
      </c>
      <c r="F12" s="262">
        <v>2.2541596491333665E-2</v>
      </c>
      <c r="G12" s="269">
        <v>0.34170693047836032</v>
      </c>
      <c r="H12" s="262">
        <v>2.4401605891288185E-2</v>
      </c>
    </row>
    <row r="13" spans="1:8" s="5" customFormat="1">
      <c r="A13" s="44" t="s">
        <v>546</v>
      </c>
      <c r="B13" s="45">
        <v>335</v>
      </c>
      <c r="C13" s="46">
        <v>67.525344725016055</v>
      </c>
      <c r="D13" s="47">
        <v>2.2749172259396464</v>
      </c>
      <c r="E13" s="270">
        <v>0.2695043837467358</v>
      </c>
      <c r="F13" s="263">
        <v>4.8349530912846821E-2</v>
      </c>
      <c r="G13" s="270">
        <v>0.3240101607423036</v>
      </c>
      <c r="H13" s="263">
        <v>5.0921210115515356E-2</v>
      </c>
    </row>
    <row r="14" spans="1:8" s="5" customFormat="1">
      <c r="A14" s="40" t="s">
        <v>536</v>
      </c>
      <c r="B14" s="41">
        <v>292</v>
      </c>
      <c r="C14" s="42">
        <v>69.650270334372166</v>
      </c>
      <c r="D14" s="43">
        <v>2.5898779928710729</v>
      </c>
      <c r="E14" s="269">
        <v>0.24157522214545218</v>
      </c>
      <c r="F14" s="262">
        <v>5.0001269494152741E-2</v>
      </c>
      <c r="G14" s="269">
        <v>0.36148838601135957</v>
      </c>
      <c r="H14" s="262">
        <v>5.5911314352727053E-2</v>
      </c>
    </row>
    <row r="15" spans="1:8" s="5" customFormat="1">
      <c r="A15" s="44" t="s">
        <v>537</v>
      </c>
      <c r="B15" s="45">
        <v>86</v>
      </c>
      <c r="C15" s="46">
        <v>67.963975253617946</v>
      </c>
      <c r="D15" s="47">
        <v>4.2686220530958661</v>
      </c>
      <c r="E15" s="270">
        <v>0.26260963460876463</v>
      </c>
      <c r="F15" s="263">
        <v>9.3937037648776769E-2</v>
      </c>
      <c r="G15" s="270">
        <v>0.29238787483144546</v>
      </c>
      <c r="H15" s="263">
        <v>9.6757066620621501E-2</v>
      </c>
    </row>
    <row r="16" spans="1:8" s="5" customFormat="1">
      <c r="A16" s="40" t="s">
        <v>538</v>
      </c>
      <c r="B16" s="41">
        <v>88</v>
      </c>
      <c r="C16" s="42">
        <v>69.82479906691043</v>
      </c>
      <c r="D16" s="43">
        <v>4.7016755437487685</v>
      </c>
      <c r="E16" s="269">
        <v>0.27635460692162606</v>
      </c>
      <c r="F16" s="262">
        <v>9.4233178566300979E-2</v>
      </c>
      <c r="G16" s="269">
        <v>0.38785221955259852</v>
      </c>
      <c r="H16" s="262">
        <v>0.10182951717617603</v>
      </c>
    </row>
    <row r="17" spans="1:8" s="5" customFormat="1">
      <c r="A17" s="44" t="s">
        <v>539</v>
      </c>
      <c r="B17" s="45">
        <v>99</v>
      </c>
      <c r="C17" s="46">
        <v>72.450433265811213</v>
      </c>
      <c r="D17" s="47">
        <v>4.6067492308205518</v>
      </c>
      <c r="E17" s="270">
        <v>0.1583107225282484</v>
      </c>
      <c r="F17" s="263">
        <v>7.429681771348641E-2</v>
      </c>
      <c r="G17" s="270">
        <v>0.4049400413693327</v>
      </c>
      <c r="H17" s="263">
        <v>9.6873820839294883E-2</v>
      </c>
    </row>
    <row r="18" spans="1:8" s="5" customFormat="1">
      <c r="A18" s="40" t="s">
        <v>540</v>
      </c>
      <c r="B18" s="41">
        <v>115</v>
      </c>
      <c r="C18" s="42">
        <v>70.019234129865836</v>
      </c>
      <c r="D18" s="43">
        <v>4.2858217121206481</v>
      </c>
      <c r="E18" s="269">
        <v>0.23397524210988518</v>
      </c>
      <c r="F18" s="262">
        <v>7.8624404459182895E-2</v>
      </c>
      <c r="G18" s="269">
        <v>0.38168858953432688</v>
      </c>
      <c r="H18" s="262">
        <v>8.9240984146135099E-2</v>
      </c>
    </row>
    <row r="19" spans="1:8" s="5" customFormat="1">
      <c r="A19" s="44" t="s">
        <v>541</v>
      </c>
      <c r="B19" s="45">
        <v>112</v>
      </c>
      <c r="C19" s="46">
        <v>67.838339472444005</v>
      </c>
      <c r="D19" s="47">
        <v>4.1683227339559998</v>
      </c>
      <c r="E19" s="270">
        <v>0.29980373604120852</v>
      </c>
      <c r="F19" s="263">
        <v>8.5629079334370459E-2</v>
      </c>
      <c r="G19" s="270">
        <v>0.36009401091161458</v>
      </c>
      <c r="H19" s="263">
        <v>8.9395083811858414E-2</v>
      </c>
    </row>
    <row r="20" spans="1:8">
      <c r="A20" s="40" t="s">
        <v>542</v>
      </c>
      <c r="B20" s="41">
        <v>167</v>
      </c>
      <c r="C20" s="42">
        <v>66.254605676519716</v>
      </c>
      <c r="D20" s="43">
        <v>3.1878347838349397</v>
      </c>
      <c r="E20" s="269">
        <v>0.33049137999353112</v>
      </c>
      <c r="F20" s="262">
        <v>7.2158912932520233E-2</v>
      </c>
      <c r="G20" s="269">
        <v>0.28804969181097817</v>
      </c>
      <c r="H20" s="262">
        <v>6.961114109891027E-2</v>
      </c>
    </row>
    <row r="21" spans="1:8">
      <c r="A21" s="44" t="s">
        <v>547</v>
      </c>
      <c r="B21" s="45">
        <v>67</v>
      </c>
      <c r="C21" s="46">
        <v>65.978676667814184</v>
      </c>
      <c r="D21" s="47">
        <v>5.5066945542030661</v>
      </c>
      <c r="E21" s="270">
        <v>0.30069241337641739</v>
      </c>
      <c r="F21" s="263">
        <v>0.10996191234268558</v>
      </c>
      <c r="G21" s="270">
        <v>0.30445489277080268</v>
      </c>
      <c r="H21" s="263">
        <v>0.11030029165654172</v>
      </c>
    </row>
    <row r="22" spans="1:8">
      <c r="A22" s="52" t="s">
        <v>548</v>
      </c>
      <c r="B22" s="41">
        <v>118</v>
      </c>
      <c r="C22" s="42">
        <v>69.997855519191461</v>
      </c>
      <c r="D22" s="43">
        <v>3.6631332921019304</v>
      </c>
      <c r="E22" s="269">
        <v>0.19466154576700742</v>
      </c>
      <c r="F22" s="262">
        <v>7.3055503711419778E-2</v>
      </c>
      <c r="G22" s="269">
        <v>0.26693201515748488</v>
      </c>
      <c r="H22" s="262">
        <v>8.0812053346857565E-2</v>
      </c>
    </row>
    <row r="23" spans="1:8">
      <c r="A23" s="44" t="s">
        <v>549</v>
      </c>
      <c r="B23" s="45">
        <v>99</v>
      </c>
      <c r="C23" s="46">
        <v>67.181506261603047</v>
      </c>
      <c r="D23" s="47">
        <v>4.2646725712037483</v>
      </c>
      <c r="E23" s="270">
        <v>0.22779280941726354</v>
      </c>
      <c r="F23" s="263">
        <v>8.3966378813577117E-2</v>
      </c>
      <c r="G23" s="270">
        <v>0.26360476339140676</v>
      </c>
      <c r="H23" s="263">
        <v>8.7771419128183814E-2</v>
      </c>
    </row>
    <row r="24" spans="1:8">
      <c r="A24" s="52" t="s">
        <v>550</v>
      </c>
      <c r="B24" s="41">
        <v>131</v>
      </c>
      <c r="C24" s="42">
        <v>67.144519860642689</v>
      </c>
      <c r="D24" s="43">
        <v>3.8953258134728355</v>
      </c>
      <c r="E24" s="269">
        <v>0.31373149217474128</v>
      </c>
      <c r="F24" s="262">
        <v>8.0245851787038608E-2</v>
      </c>
      <c r="G24" s="269">
        <v>0.40557705240001513</v>
      </c>
      <c r="H24" s="262">
        <v>8.4608872157362444E-2</v>
      </c>
    </row>
    <row r="25" spans="1:8">
      <c r="A25" s="44" t="s">
        <v>551</v>
      </c>
      <c r="B25" s="45">
        <v>118</v>
      </c>
      <c r="C25" s="46">
        <v>67.535756587655058</v>
      </c>
      <c r="D25" s="47">
        <v>4.2974490370220906</v>
      </c>
      <c r="E25" s="270">
        <v>0.25682862663230344</v>
      </c>
      <c r="F25" s="263">
        <v>7.9893709327427148E-2</v>
      </c>
      <c r="G25" s="270">
        <v>0.35972376536494932</v>
      </c>
      <c r="H25" s="263">
        <v>8.7138809166264028E-2</v>
      </c>
    </row>
    <row r="26" spans="1:8">
      <c r="A26" s="52" t="s">
        <v>543</v>
      </c>
      <c r="B26" s="41">
        <v>163</v>
      </c>
      <c r="C26" s="42">
        <v>71.777453760209895</v>
      </c>
      <c r="D26" s="43">
        <v>3.2299509229612124</v>
      </c>
      <c r="E26" s="269">
        <v>0.17149243410959056</v>
      </c>
      <c r="F26" s="262">
        <v>5.937610841466056E-2</v>
      </c>
      <c r="G26" s="269">
        <v>0.41335232782331816</v>
      </c>
      <c r="H26" s="262">
        <v>7.6267340959844984E-2</v>
      </c>
    </row>
    <row r="27" spans="1:8">
      <c r="A27" s="44" t="s">
        <v>544</v>
      </c>
      <c r="B27" s="45">
        <v>49</v>
      </c>
      <c r="C27" s="46">
        <v>76.629810135849652</v>
      </c>
      <c r="D27" s="47">
        <v>5.8683217362377107</v>
      </c>
      <c r="E27" s="270">
        <v>0.14781889103620541</v>
      </c>
      <c r="F27" s="263">
        <v>0.10424344750500021</v>
      </c>
      <c r="G27" s="270">
        <v>0.52816083874352271</v>
      </c>
      <c r="H27" s="263">
        <v>0.13717421869391191</v>
      </c>
    </row>
    <row r="28" spans="1:8" s="5" customFormat="1">
      <c r="A28" s="52" t="s">
        <v>552</v>
      </c>
      <c r="B28" s="41">
        <v>114</v>
      </c>
      <c r="C28" s="42">
        <v>69.635992989086276</v>
      </c>
      <c r="D28" s="43">
        <v>3.8025461027467067</v>
      </c>
      <c r="E28" s="269">
        <v>0.18194013413007271</v>
      </c>
      <c r="F28" s="262">
        <v>7.2621639129445109E-2</v>
      </c>
      <c r="G28" s="269">
        <v>0.36268458965779421</v>
      </c>
      <c r="H28" s="262">
        <v>8.8758127202750892E-2</v>
      </c>
    </row>
    <row r="29" spans="1:8" s="5" customFormat="1">
      <c r="A29" s="44" t="s">
        <v>545</v>
      </c>
      <c r="B29" s="45">
        <v>189</v>
      </c>
      <c r="C29" s="46">
        <v>68.422625743697409</v>
      </c>
      <c r="D29" s="47">
        <v>3.1119463286545952</v>
      </c>
      <c r="E29" s="270">
        <v>0.31332831385094873</v>
      </c>
      <c r="F29" s="263">
        <v>6.6998278629653907E-2</v>
      </c>
      <c r="G29" s="270">
        <v>0.3681073949307509</v>
      </c>
      <c r="H29" s="263">
        <v>6.953851315402336E-2</v>
      </c>
    </row>
    <row r="30" spans="1:8" s="5" customFormat="1"/>
    <row r="32" spans="1:8" ht="18.75">
      <c r="A32" s="337" t="s">
        <v>7</v>
      </c>
      <c r="B32" s="337"/>
      <c r="C32" s="337"/>
      <c r="D32" s="337"/>
      <c r="E32" s="337"/>
      <c r="F32" s="337"/>
      <c r="G32" s="337"/>
      <c r="H32" s="337"/>
    </row>
    <row r="33" spans="1:8" ht="59.25" customHeight="1">
      <c r="A33" s="347" t="s">
        <v>455</v>
      </c>
      <c r="B33" s="347"/>
      <c r="C33" s="347"/>
      <c r="D33" s="347"/>
      <c r="E33" s="347"/>
      <c r="F33" s="347"/>
      <c r="G33" s="347"/>
      <c r="H33" s="347"/>
    </row>
    <row r="34" spans="1:8" ht="39.75" customHeight="1">
      <c r="A34" s="352" t="s">
        <v>77</v>
      </c>
      <c r="B34" s="353"/>
      <c r="C34" s="353"/>
      <c r="D34" s="353"/>
      <c r="E34" s="353"/>
      <c r="F34" s="353"/>
      <c r="G34" s="353"/>
      <c r="H34" s="353"/>
    </row>
    <row r="35" spans="1:8" ht="45" customHeight="1">
      <c r="A35" s="32" t="s">
        <v>71</v>
      </c>
      <c r="B35" s="33" t="s">
        <v>72</v>
      </c>
      <c r="C35" s="34" t="s">
        <v>588</v>
      </c>
      <c r="D35" s="35" t="s">
        <v>73</v>
      </c>
      <c r="E35" s="33" t="s">
        <v>331</v>
      </c>
      <c r="F35" s="35" t="s">
        <v>335</v>
      </c>
      <c r="G35" s="34" t="s">
        <v>333</v>
      </c>
      <c r="H35" s="35" t="s">
        <v>336</v>
      </c>
    </row>
    <row r="36" spans="1:8" ht="67.5" customHeight="1">
      <c r="A36" s="36"/>
      <c r="B36" s="37" t="s">
        <v>74</v>
      </c>
      <c r="C36" s="38" t="s">
        <v>75</v>
      </c>
      <c r="D36" s="39" t="s">
        <v>76</v>
      </c>
      <c r="E36" s="37" t="s">
        <v>332</v>
      </c>
      <c r="F36" s="86" t="s">
        <v>88</v>
      </c>
      <c r="G36" s="123" t="s">
        <v>334</v>
      </c>
      <c r="H36" s="86" t="s">
        <v>88</v>
      </c>
    </row>
    <row r="37" spans="1:8">
      <c r="A37" s="40" t="s">
        <v>350</v>
      </c>
      <c r="B37" s="53">
        <v>13388</v>
      </c>
      <c r="C37" s="54">
        <v>68.207873174728974</v>
      </c>
      <c r="D37" s="55">
        <v>0.31219410610008241</v>
      </c>
      <c r="E37" s="264">
        <v>0.29200125744005584</v>
      </c>
      <c r="F37" s="265">
        <v>7.8585608336742812E-3</v>
      </c>
      <c r="G37" s="264">
        <v>0.29748781954773451</v>
      </c>
      <c r="H37" s="265">
        <v>7.9012217198860726E-3</v>
      </c>
    </row>
    <row r="38" spans="1:8" s="5" customFormat="1">
      <c r="A38" s="44" t="s">
        <v>351</v>
      </c>
      <c r="B38" s="56">
        <v>9889</v>
      </c>
      <c r="C38" s="57">
        <v>69.687648348819224</v>
      </c>
      <c r="D38" s="58">
        <v>0.35282419388633779</v>
      </c>
      <c r="E38" s="266">
        <v>0.26144549542372658</v>
      </c>
      <c r="F38" s="267">
        <v>8.8368927471551059E-3</v>
      </c>
      <c r="G38" s="266">
        <v>0.32979567643007823</v>
      </c>
      <c r="H38" s="267">
        <v>9.4539889739480489E-3</v>
      </c>
    </row>
    <row r="39" spans="1:8" s="5" customFormat="1">
      <c r="A39" s="40" t="s">
        <v>352</v>
      </c>
      <c r="B39" s="49">
        <v>3499</v>
      </c>
      <c r="C39" s="50">
        <v>66.961984852629868</v>
      </c>
      <c r="D39" s="51">
        <v>0.64258535087208368</v>
      </c>
      <c r="E39" s="268">
        <v>0.31772750811347128</v>
      </c>
      <c r="F39" s="265">
        <v>1.5735922680593154E-2</v>
      </c>
      <c r="G39" s="268">
        <v>0.27028640253078789</v>
      </c>
      <c r="H39" s="265">
        <v>1.5011732185328109E-2</v>
      </c>
    </row>
    <row r="40" spans="1:8" s="5" customFormat="1">
      <c r="A40" s="44" t="s">
        <v>534</v>
      </c>
      <c r="B40" s="56">
        <v>1811</v>
      </c>
      <c r="C40" s="57">
        <v>67.642554308899818</v>
      </c>
      <c r="D40" s="58">
        <v>0.86565285629105715</v>
      </c>
      <c r="E40" s="266">
        <v>0.30568175800809849</v>
      </c>
      <c r="F40" s="267">
        <v>2.163593943247492E-2</v>
      </c>
      <c r="G40" s="266">
        <v>0.27827572753582841</v>
      </c>
      <c r="H40" s="267">
        <v>2.1049845013825716E-2</v>
      </c>
    </row>
    <row r="41" spans="1:8" s="5" customFormat="1">
      <c r="A41" s="40" t="s">
        <v>535</v>
      </c>
      <c r="B41" s="49">
        <v>1482</v>
      </c>
      <c r="C41" s="50">
        <v>68.044247951244614</v>
      </c>
      <c r="D41" s="51">
        <v>0.96421939527859912</v>
      </c>
      <c r="E41" s="268">
        <v>0.29835665225744629</v>
      </c>
      <c r="F41" s="265">
        <v>2.3750529485015721E-2</v>
      </c>
      <c r="G41" s="268">
        <v>0.28983411351464566</v>
      </c>
      <c r="H41" s="265">
        <v>2.3551882605122292E-2</v>
      </c>
    </row>
    <row r="42" spans="1:8" s="5" customFormat="1">
      <c r="A42" s="44" t="s">
        <v>546</v>
      </c>
      <c r="B42" s="56">
        <v>333</v>
      </c>
      <c r="C42" s="57">
        <v>66.233236466827506</v>
      </c>
      <c r="D42" s="58">
        <v>1.9319104643926825</v>
      </c>
      <c r="E42" s="266">
        <v>0.33353265310095059</v>
      </c>
      <c r="F42" s="267">
        <v>5.1441252274500943E-2</v>
      </c>
      <c r="G42" s="266">
        <v>0.23846743078410296</v>
      </c>
      <c r="H42" s="267">
        <v>4.6633211226870856E-2</v>
      </c>
    </row>
    <row r="43" spans="1:8" s="5" customFormat="1">
      <c r="A43" s="40" t="s">
        <v>536</v>
      </c>
      <c r="B43" s="49">
        <v>286</v>
      </c>
      <c r="C43" s="50">
        <v>68.005752725538201</v>
      </c>
      <c r="D43" s="51">
        <v>2.2426653597498913</v>
      </c>
      <c r="E43" s="268">
        <v>0.29356047854182615</v>
      </c>
      <c r="F43" s="265">
        <v>5.3633528505922089E-2</v>
      </c>
      <c r="G43" s="268">
        <v>0.30284813379840897</v>
      </c>
      <c r="H43" s="265">
        <v>5.4100288893698743E-2</v>
      </c>
    </row>
    <row r="44" spans="1:8" s="5" customFormat="1">
      <c r="A44" s="44" t="s">
        <v>537</v>
      </c>
      <c r="B44" s="56">
        <v>86</v>
      </c>
      <c r="C44" s="57">
        <v>66.938285336532644</v>
      </c>
      <c r="D44" s="58">
        <v>3.6852790315489083</v>
      </c>
      <c r="E44" s="266">
        <v>0.27491093027752866</v>
      </c>
      <c r="F44" s="267">
        <v>9.5157972748665845E-2</v>
      </c>
      <c r="G44" s="266">
        <v>0.23302503221426701</v>
      </c>
      <c r="H44" s="267">
        <v>9.0656662943479002E-2</v>
      </c>
    </row>
    <row r="45" spans="1:8" s="5" customFormat="1">
      <c r="A45" s="40" t="s">
        <v>538</v>
      </c>
      <c r="B45" s="49">
        <v>86</v>
      </c>
      <c r="C45" s="50">
        <v>69.862270363045482</v>
      </c>
      <c r="D45" s="51">
        <v>4.0080382570724398</v>
      </c>
      <c r="E45" s="268">
        <v>0.28510065122535017</v>
      </c>
      <c r="F45" s="265">
        <v>9.6109217826282664E-2</v>
      </c>
      <c r="G45" s="268">
        <v>0.3472904717266293</v>
      </c>
      <c r="H45" s="265">
        <v>0.10082033349827203</v>
      </c>
    </row>
    <row r="46" spans="1:8" s="5" customFormat="1">
      <c r="A46" s="44" t="s">
        <v>539</v>
      </c>
      <c r="B46" s="56">
        <v>96</v>
      </c>
      <c r="C46" s="57">
        <v>68.317666251722486</v>
      </c>
      <c r="D46" s="58">
        <v>4.0780088109494343</v>
      </c>
      <c r="E46" s="266">
        <v>0.291270335861255</v>
      </c>
      <c r="F46" s="267">
        <v>9.1618265473111471E-2</v>
      </c>
      <c r="G46" s="266">
        <v>0.31188802747119887</v>
      </c>
      <c r="H46" s="267">
        <v>9.3249805821842599E-2</v>
      </c>
    </row>
    <row r="47" spans="1:8" s="5" customFormat="1">
      <c r="A47" s="40" t="s">
        <v>540</v>
      </c>
      <c r="B47" s="53">
        <v>113</v>
      </c>
      <c r="C47" s="54">
        <v>70.358514410121643</v>
      </c>
      <c r="D47" s="55">
        <v>3.5117554415175087</v>
      </c>
      <c r="E47" s="264">
        <v>0.25830367417731598</v>
      </c>
      <c r="F47" s="265">
        <v>8.1756139259783894E-2</v>
      </c>
      <c r="G47" s="264">
        <v>0.3610265469031706</v>
      </c>
      <c r="H47" s="265">
        <v>8.9056669675983219E-2</v>
      </c>
    </row>
    <row r="48" spans="1:8">
      <c r="A48" s="44" t="s">
        <v>541</v>
      </c>
      <c r="B48" s="56">
        <v>110</v>
      </c>
      <c r="C48" s="57">
        <v>71.296983038887987</v>
      </c>
      <c r="D48" s="58">
        <v>3.4948898736442113</v>
      </c>
      <c r="E48" s="266">
        <v>0.24722092125992134</v>
      </c>
      <c r="F48" s="267">
        <v>8.1758756984229103E-2</v>
      </c>
      <c r="G48" s="266">
        <v>0.35827098981241062</v>
      </c>
      <c r="H48" s="267">
        <v>9.0087244142508321E-2</v>
      </c>
    </row>
    <row r="49" spans="1:50">
      <c r="A49" s="40" t="s">
        <v>542</v>
      </c>
      <c r="B49" s="49">
        <v>164</v>
      </c>
      <c r="C49" s="50">
        <v>65.016152625874042</v>
      </c>
      <c r="D49" s="51">
        <v>2.6986215740509389</v>
      </c>
      <c r="E49" s="268">
        <v>0.34458602242307457</v>
      </c>
      <c r="F49" s="265">
        <v>7.351432804762395E-2</v>
      </c>
      <c r="G49" s="268">
        <v>0.19512145674203998</v>
      </c>
      <c r="H49" s="265">
        <v>6.1995125609113522E-2</v>
      </c>
    </row>
    <row r="50" spans="1:50">
      <c r="A50" s="44" t="s">
        <v>547</v>
      </c>
      <c r="B50" s="56">
        <v>65</v>
      </c>
      <c r="C50" s="57">
        <v>64.179532210412077</v>
      </c>
      <c r="D50" s="58">
        <v>4.2823057435877647</v>
      </c>
      <c r="E50" s="266">
        <v>0.29697274245403776</v>
      </c>
      <c r="F50" s="267">
        <v>0.11123041633481319</v>
      </c>
      <c r="G50" s="266">
        <v>0.11923218944659572</v>
      </c>
      <c r="H50" s="267">
        <v>8.386959819411488E-2</v>
      </c>
    </row>
    <row r="51" spans="1:50">
      <c r="A51" s="52" t="s">
        <v>548</v>
      </c>
      <c r="B51" s="53">
        <v>118</v>
      </c>
      <c r="C51" s="54">
        <v>69.533154337284415</v>
      </c>
      <c r="D51" s="55">
        <v>3.0471510309294132</v>
      </c>
      <c r="E51" s="264">
        <v>0.24802410243423759</v>
      </c>
      <c r="F51" s="265">
        <v>7.9052440527531381E-2</v>
      </c>
      <c r="G51" s="264">
        <v>0.27058724561654979</v>
      </c>
      <c r="H51" s="265">
        <v>8.1132228267959322E-2</v>
      </c>
    </row>
    <row r="52" spans="1:50">
      <c r="A52" s="44" t="s">
        <v>549</v>
      </c>
      <c r="B52" s="56">
        <v>98</v>
      </c>
      <c r="C52" s="57">
        <v>66.385498863951199</v>
      </c>
      <c r="D52" s="58">
        <v>3.6364111083306074</v>
      </c>
      <c r="E52" s="266">
        <v>0.32663486129163055</v>
      </c>
      <c r="F52" s="267">
        <v>9.3359015893555178E-2</v>
      </c>
      <c r="G52" s="266">
        <v>0.26131621971880364</v>
      </c>
      <c r="H52" s="267">
        <v>8.7986334008014741E-2</v>
      </c>
    </row>
    <row r="53" spans="1:50">
      <c r="A53" s="52" t="s">
        <v>550</v>
      </c>
      <c r="B53" s="53">
        <v>130</v>
      </c>
      <c r="C53" s="54">
        <v>65.77689103234809</v>
      </c>
      <c r="D53" s="55">
        <v>3.3683493793544019</v>
      </c>
      <c r="E53" s="264">
        <v>0.34424289340204595</v>
      </c>
      <c r="F53" s="265">
        <v>8.2347367793292547E-2</v>
      </c>
      <c r="G53" s="264">
        <v>0.3099136717377709</v>
      </c>
      <c r="H53" s="265">
        <v>8.0296497919350465E-2</v>
      </c>
    </row>
    <row r="54" spans="1:50">
      <c r="A54" s="44" t="s">
        <v>551</v>
      </c>
      <c r="B54" s="56">
        <v>114</v>
      </c>
      <c r="C54" s="57">
        <v>68.315095744194991</v>
      </c>
      <c r="D54" s="58">
        <v>3.7531602140643456</v>
      </c>
      <c r="E54" s="266">
        <v>0.34839611276986937</v>
      </c>
      <c r="F54" s="267">
        <v>8.801927185801503E-2</v>
      </c>
      <c r="G54" s="266">
        <v>0.30224603903874464</v>
      </c>
      <c r="H54" s="267">
        <v>8.5072198764058637E-2</v>
      </c>
    </row>
    <row r="55" spans="1:50">
      <c r="A55" s="52" t="s">
        <v>543</v>
      </c>
      <c r="B55" s="53">
        <v>160</v>
      </c>
      <c r="C55" s="54">
        <v>72.378505142844162</v>
      </c>
      <c r="D55" s="55">
        <v>2.6488413139836577</v>
      </c>
      <c r="E55" s="264">
        <v>0.18697034989576025</v>
      </c>
      <c r="F55" s="265">
        <v>6.1828643608410574E-2</v>
      </c>
      <c r="G55" s="264">
        <v>0.33096035540494512</v>
      </c>
      <c r="H55" s="265">
        <v>7.3717071746533663E-2</v>
      </c>
    </row>
    <row r="56" spans="1:50">
      <c r="A56" s="44" t="s">
        <v>544</v>
      </c>
      <c r="B56" s="56">
        <v>47</v>
      </c>
      <c r="C56" s="57">
        <v>77.209465695796538</v>
      </c>
      <c r="D56" s="58">
        <v>4.3290357138082793</v>
      </c>
      <c r="E56" s="266">
        <v>0.1509744874026894</v>
      </c>
      <c r="F56" s="267">
        <v>0.10720720573716694</v>
      </c>
      <c r="G56" s="266">
        <v>0.48087561523771222</v>
      </c>
      <c r="H56" s="267">
        <v>0.13994099018580949</v>
      </c>
    </row>
    <row r="57" spans="1:50">
      <c r="A57" s="52" t="s">
        <v>552</v>
      </c>
      <c r="B57" s="53">
        <v>113</v>
      </c>
      <c r="C57" s="54">
        <v>70.267913289459457</v>
      </c>
      <c r="D57" s="55">
        <v>3.1982684992434187</v>
      </c>
      <c r="E57" s="264">
        <v>0.2026965338090205</v>
      </c>
      <c r="F57" s="265">
        <v>7.5685144905001223E-2</v>
      </c>
      <c r="G57" s="264">
        <v>0.26546407932632354</v>
      </c>
      <c r="H57" s="265">
        <v>8.2418522838194674E-2</v>
      </c>
    </row>
    <row r="58" spans="1:50">
      <c r="A58" s="44" t="s">
        <v>545</v>
      </c>
      <c r="B58" s="56">
        <v>185</v>
      </c>
      <c r="C58" s="57">
        <v>64.737367471592918</v>
      </c>
      <c r="D58" s="58">
        <v>2.9298926548447417</v>
      </c>
      <c r="E58" s="266">
        <v>0.36136543894565692</v>
      </c>
      <c r="F58" s="267">
        <v>7.000912643635715E-2</v>
      </c>
      <c r="G58" s="266">
        <v>0.26827694140072827</v>
      </c>
      <c r="H58" s="267">
        <v>6.4824255964847477E-2</v>
      </c>
    </row>
    <row r="59" spans="1:50" s="5" customFormat="1"/>
    <row r="61" spans="1:50" ht="18.75">
      <c r="A61" s="337" t="s">
        <v>32</v>
      </c>
      <c r="B61" s="337"/>
      <c r="C61" s="337"/>
      <c r="D61" s="337"/>
      <c r="E61" s="337"/>
      <c r="F61" s="337"/>
      <c r="G61" s="337"/>
      <c r="H61" s="337"/>
      <c r="I61" s="337"/>
      <c r="J61" s="337"/>
      <c r="K61" s="337"/>
      <c r="L61" s="337"/>
      <c r="M61" s="337"/>
      <c r="N61" s="337"/>
      <c r="O61" s="337"/>
      <c r="P61" s="337"/>
      <c r="Q61" s="337"/>
      <c r="R61" s="337"/>
      <c r="S61" s="337"/>
      <c r="T61" s="337"/>
      <c r="U61" s="337"/>
      <c r="V61" s="337"/>
      <c r="W61" s="337"/>
      <c r="X61" s="337"/>
      <c r="Y61" s="337"/>
      <c r="Z61" s="337"/>
      <c r="AA61" s="337"/>
      <c r="AB61" s="337"/>
      <c r="AC61" s="337"/>
      <c r="AD61" s="337"/>
      <c r="AE61" s="337"/>
      <c r="AF61" s="337"/>
      <c r="AG61" s="337"/>
      <c r="AH61" s="337"/>
      <c r="AI61" s="337"/>
      <c r="AJ61" s="337"/>
      <c r="AK61" s="337"/>
      <c r="AL61" s="337"/>
      <c r="AM61" s="337"/>
      <c r="AN61" s="337"/>
      <c r="AO61" s="337"/>
      <c r="AP61" s="337"/>
      <c r="AQ61" s="337"/>
      <c r="AR61" s="337"/>
      <c r="AS61" s="337"/>
      <c r="AT61" s="337"/>
      <c r="AU61" s="337"/>
      <c r="AV61" s="337"/>
      <c r="AW61" s="337"/>
      <c r="AX61" s="337"/>
    </row>
    <row r="62" spans="1:50" ht="70.5" customHeight="1">
      <c r="A62" s="348" t="s">
        <v>578</v>
      </c>
      <c r="B62" s="348"/>
      <c r="C62" s="348"/>
      <c r="D62" s="348"/>
      <c r="E62" s="348"/>
      <c r="F62" s="348"/>
      <c r="G62" s="348"/>
      <c r="H62" s="348"/>
      <c r="I62" s="348"/>
      <c r="J62" s="348"/>
      <c r="K62" s="348"/>
      <c r="L62" s="348"/>
      <c r="M62" s="348"/>
      <c r="N62" s="348"/>
      <c r="O62" s="348"/>
      <c r="P62" s="348"/>
      <c r="Q62" s="348"/>
      <c r="R62" s="348"/>
      <c r="S62" s="348"/>
      <c r="T62" s="348"/>
      <c r="U62" s="348"/>
      <c r="V62" s="348"/>
      <c r="W62" s="348"/>
      <c r="X62" s="348"/>
      <c r="Y62" s="348"/>
      <c r="Z62" s="348"/>
      <c r="AA62" s="348"/>
      <c r="AB62" s="348"/>
      <c r="AC62" s="348"/>
      <c r="AD62" s="348"/>
      <c r="AE62" s="348"/>
      <c r="AF62" s="348"/>
      <c r="AG62" s="348"/>
      <c r="AH62" s="348"/>
      <c r="AI62" s="348"/>
      <c r="AJ62" s="348"/>
      <c r="AK62" s="348"/>
      <c r="AL62" s="348"/>
      <c r="AM62" s="348"/>
      <c r="AN62" s="348"/>
      <c r="AO62" s="348"/>
      <c r="AP62" s="348"/>
      <c r="AQ62" s="348"/>
      <c r="AR62" s="348"/>
      <c r="AS62" s="348"/>
      <c r="AT62" s="348"/>
      <c r="AU62" s="348"/>
      <c r="AV62" s="348"/>
      <c r="AW62" s="348"/>
      <c r="AX62" s="348"/>
    </row>
    <row r="63" spans="1:50" ht="32.25" customHeight="1">
      <c r="A63" s="300" t="s">
        <v>78</v>
      </c>
      <c r="B63" s="343" t="s">
        <v>79</v>
      </c>
      <c r="C63" s="344"/>
      <c r="D63" s="344"/>
      <c r="E63" s="344"/>
      <c r="F63" s="344"/>
      <c r="G63" s="344"/>
      <c r="H63" s="345"/>
      <c r="I63" s="343" t="s">
        <v>337</v>
      </c>
      <c r="J63" s="344"/>
      <c r="K63" s="344"/>
      <c r="L63" s="344"/>
      <c r="M63" s="344"/>
      <c r="N63" s="344"/>
      <c r="O63" s="345"/>
      <c r="P63" s="343" t="s">
        <v>338</v>
      </c>
      <c r="Q63" s="344"/>
      <c r="R63" s="344"/>
      <c r="S63" s="344"/>
      <c r="T63" s="344"/>
      <c r="U63" s="344"/>
      <c r="V63" s="345"/>
      <c r="W63" s="343" t="s">
        <v>80</v>
      </c>
      <c r="X63" s="344"/>
      <c r="Y63" s="344"/>
      <c r="Z63" s="344"/>
      <c r="AA63" s="344"/>
      <c r="AB63" s="344"/>
      <c r="AC63" s="345"/>
      <c r="AD63" s="343" t="s">
        <v>81</v>
      </c>
      <c r="AE63" s="344"/>
      <c r="AF63" s="344"/>
      <c r="AG63" s="344"/>
      <c r="AH63" s="344"/>
      <c r="AI63" s="344"/>
      <c r="AJ63" s="345"/>
      <c r="AK63" s="343" t="s">
        <v>82</v>
      </c>
      <c r="AL63" s="344"/>
      <c r="AM63" s="344"/>
      <c r="AN63" s="344"/>
      <c r="AO63" s="344"/>
      <c r="AP63" s="344"/>
      <c r="AQ63" s="345"/>
      <c r="AR63" s="343" t="s">
        <v>83</v>
      </c>
      <c r="AS63" s="344"/>
      <c r="AT63" s="344"/>
      <c r="AU63" s="344"/>
      <c r="AV63" s="344"/>
      <c r="AW63" s="344"/>
      <c r="AX63" s="345"/>
    </row>
    <row r="64" spans="1:50" ht="43.5" customHeight="1">
      <c r="A64" s="32" t="s">
        <v>71</v>
      </c>
      <c r="B64" s="33" t="s">
        <v>72</v>
      </c>
      <c r="C64" s="34" t="s">
        <v>588</v>
      </c>
      <c r="D64" s="35" t="s">
        <v>73</v>
      </c>
      <c r="E64" s="34" t="s">
        <v>331</v>
      </c>
      <c r="F64" s="35" t="s">
        <v>335</v>
      </c>
      <c r="G64" s="34" t="s">
        <v>333</v>
      </c>
      <c r="H64" s="35" t="s">
        <v>336</v>
      </c>
      <c r="I64" s="60" t="s">
        <v>72</v>
      </c>
      <c r="J64" s="61" t="s">
        <v>588</v>
      </c>
      <c r="K64" s="62" t="s">
        <v>73</v>
      </c>
      <c r="L64" s="61" t="s">
        <v>331</v>
      </c>
      <c r="M64" s="62" t="s">
        <v>335</v>
      </c>
      <c r="N64" s="61" t="s">
        <v>333</v>
      </c>
      <c r="O64" s="62" t="s">
        <v>336</v>
      </c>
      <c r="P64" s="33" t="s">
        <v>72</v>
      </c>
      <c r="Q64" s="34" t="s">
        <v>588</v>
      </c>
      <c r="R64" s="35" t="s">
        <v>73</v>
      </c>
      <c r="S64" s="34" t="s">
        <v>331</v>
      </c>
      <c r="T64" s="35" t="s">
        <v>335</v>
      </c>
      <c r="U64" s="34" t="s">
        <v>333</v>
      </c>
      <c r="V64" s="35" t="s">
        <v>336</v>
      </c>
      <c r="W64" s="60" t="s">
        <v>72</v>
      </c>
      <c r="X64" s="61" t="s">
        <v>588</v>
      </c>
      <c r="Y64" s="62" t="s">
        <v>73</v>
      </c>
      <c r="Z64" s="61" t="s">
        <v>331</v>
      </c>
      <c r="AA64" s="62" t="s">
        <v>335</v>
      </c>
      <c r="AB64" s="61" t="s">
        <v>333</v>
      </c>
      <c r="AC64" s="62" t="s">
        <v>336</v>
      </c>
      <c r="AD64" s="33" t="s">
        <v>72</v>
      </c>
      <c r="AE64" s="34" t="s">
        <v>588</v>
      </c>
      <c r="AF64" s="35" t="s">
        <v>73</v>
      </c>
      <c r="AG64" s="34" t="s">
        <v>331</v>
      </c>
      <c r="AH64" s="35" t="s">
        <v>335</v>
      </c>
      <c r="AI64" s="34" t="s">
        <v>333</v>
      </c>
      <c r="AJ64" s="35" t="s">
        <v>336</v>
      </c>
      <c r="AK64" s="60" t="s">
        <v>72</v>
      </c>
      <c r="AL64" s="61" t="s">
        <v>588</v>
      </c>
      <c r="AM64" s="62" t="s">
        <v>73</v>
      </c>
      <c r="AN64" s="61" t="s">
        <v>331</v>
      </c>
      <c r="AO64" s="62" t="s">
        <v>335</v>
      </c>
      <c r="AP64" s="61" t="s">
        <v>333</v>
      </c>
      <c r="AQ64" s="62" t="s">
        <v>336</v>
      </c>
      <c r="AR64" s="33" t="s">
        <v>72</v>
      </c>
      <c r="AS64" s="34" t="s">
        <v>588</v>
      </c>
      <c r="AT64" s="35" t="s">
        <v>73</v>
      </c>
      <c r="AU64" s="34" t="s">
        <v>331</v>
      </c>
      <c r="AV64" s="35" t="s">
        <v>335</v>
      </c>
      <c r="AW64" s="34" t="s">
        <v>333</v>
      </c>
      <c r="AX64" s="35" t="s">
        <v>336</v>
      </c>
    </row>
    <row r="65" spans="1:50" ht="69" customHeight="1">
      <c r="A65" s="36"/>
      <c r="B65" s="37" t="s">
        <v>74</v>
      </c>
      <c r="C65" s="38" t="s">
        <v>75</v>
      </c>
      <c r="D65" s="39" t="s">
        <v>76</v>
      </c>
      <c r="E65" s="38" t="s">
        <v>332</v>
      </c>
      <c r="F65" s="86" t="s">
        <v>88</v>
      </c>
      <c r="G65" s="38" t="s">
        <v>334</v>
      </c>
      <c r="H65" s="86" t="s">
        <v>88</v>
      </c>
      <c r="I65" s="63" t="s">
        <v>74</v>
      </c>
      <c r="J65" s="64" t="s">
        <v>75</v>
      </c>
      <c r="K65" s="65" t="s">
        <v>76</v>
      </c>
      <c r="L65" s="64" t="s">
        <v>332</v>
      </c>
      <c r="M65" s="65" t="s">
        <v>76</v>
      </c>
      <c r="N65" s="64" t="s">
        <v>334</v>
      </c>
      <c r="O65" s="65" t="s">
        <v>88</v>
      </c>
      <c r="P65" s="37" t="s">
        <v>74</v>
      </c>
      <c r="Q65" s="38" t="s">
        <v>75</v>
      </c>
      <c r="R65" s="39" t="s">
        <v>76</v>
      </c>
      <c r="S65" s="38" t="s">
        <v>332</v>
      </c>
      <c r="T65" s="39" t="s">
        <v>88</v>
      </c>
      <c r="U65" s="38" t="s">
        <v>334</v>
      </c>
      <c r="V65" s="39" t="s">
        <v>88</v>
      </c>
      <c r="W65" s="63" t="s">
        <v>74</v>
      </c>
      <c r="X65" s="64" t="s">
        <v>75</v>
      </c>
      <c r="Y65" s="65" t="s">
        <v>76</v>
      </c>
      <c r="Z65" s="64" t="s">
        <v>332</v>
      </c>
      <c r="AA65" s="65" t="s">
        <v>88</v>
      </c>
      <c r="AB65" s="64" t="s">
        <v>334</v>
      </c>
      <c r="AC65" s="65" t="s">
        <v>88</v>
      </c>
      <c r="AD65" s="37" t="s">
        <v>74</v>
      </c>
      <c r="AE65" s="38" t="s">
        <v>75</v>
      </c>
      <c r="AF65" s="39" t="s">
        <v>76</v>
      </c>
      <c r="AG65" s="38" t="s">
        <v>332</v>
      </c>
      <c r="AH65" s="39" t="s">
        <v>88</v>
      </c>
      <c r="AI65" s="38" t="s">
        <v>334</v>
      </c>
      <c r="AJ65" s="39" t="s">
        <v>88</v>
      </c>
      <c r="AK65" s="63" t="s">
        <v>74</v>
      </c>
      <c r="AL65" s="64" t="s">
        <v>75</v>
      </c>
      <c r="AM65" s="65" t="s">
        <v>76</v>
      </c>
      <c r="AN65" s="64" t="s">
        <v>332</v>
      </c>
      <c r="AO65" s="65" t="s">
        <v>88</v>
      </c>
      <c r="AP65" s="64" t="s">
        <v>334</v>
      </c>
      <c r="AQ65" s="65" t="s">
        <v>88</v>
      </c>
      <c r="AR65" s="37" t="s">
        <v>74</v>
      </c>
      <c r="AS65" s="38" t="s">
        <v>75</v>
      </c>
      <c r="AT65" s="39" t="s">
        <v>76</v>
      </c>
      <c r="AU65" s="38" t="s">
        <v>332</v>
      </c>
      <c r="AV65" s="39" t="s">
        <v>88</v>
      </c>
      <c r="AW65" s="38" t="s">
        <v>334</v>
      </c>
      <c r="AX65" s="39" t="s">
        <v>88</v>
      </c>
    </row>
    <row r="66" spans="1:50">
      <c r="A66" s="40" t="s">
        <v>350</v>
      </c>
      <c r="B66" s="66">
        <v>13570</v>
      </c>
      <c r="C66" s="67">
        <v>71.438630345390308</v>
      </c>
      <c r="D66" s="68">
        <v>0.35337904261092806</v>
      </c>
      <c r="E66" s="271">
        <v>0.240466845408177</v>
      </c>
      <c r="F66" s="272">
        <v>7.3370964794701836E-3</v>
      </c>
      <c r="G66" s="273">
        <v>0.40087115027287756</v>
      </c>
      <c r="H66" s="272">
        <v>8.4128631801001236E-3</v>
      </c>
      <c r="I66" s="66">
        <v>13556</v>
      </c>
      <c r="J66" s="67">
        <v>67.249706894513793</v>
      </c>
      <c r="K66" s="68">
        <v>0.39074111841170045</v>
      </c>
      <c r="L66" s="271">
        <v>0.30006086316616065</v>
      </c>
      <c r="M66" s="272">
        <v>7.8715334654811085E-3</v>
      </c>
      <c r="N66" s="273">
        <v>0.32844081781997503</v>
      </c>
      <c r="O66" s="272">
        <v>8.0665522454644312E-3</v>
      </c>
      <c r="P66" s="66">
        <v>13533</v>
      </c>
      <c r="Q66" s="67">
        <v>65.322654533475699</v>
      </c>
      <c r="R66" s="68">
        <v>0.4054703749536423</v>
      </c>
      <c r="S66" s="271">
        <v>0.34047814760760325</v>
      </c>
      <c r="T66" s="272">
        <v>8.1459649654541111E-3</v>
      </c>
      <c r="U66" s="273">
        <v>0.31825195682542395</v>
      </c>
      <c r="V66" s="272">
        <v>8.0072945826806866E-3</v>
      </c>
      <c r="W66" s="66">
        <v>13522</v>
      </c>
      <c r="X66" s="67">
        <v>71.045567311173087</v>
      </c>
      <c r="Y66" s="68">
        <v>0.42066220326834314</v>
      </c>
      <c r="Z66" s="271">
        <v>0.2735156750950844</v>
      </c>
      <c r="AA66" s="272">
        <v>7.6662448437937727E-3</v>
      </c>
      <c r="AB66" s="273">
        <v>0.44866137810191631</v>
      </c>
      <c r="AC66" s="272">
        <v>8.5529360242496532E-3</v>
      </c>
      <c r="AD66" s="66">
        <v>13549</v>
      </c>
      <c r="AE66" s="67">
        <v>74.042393617335378</v>
      </c>
      <c r="AF66" s="68">
        <v>0.36492693047760022</v>
      </c>
      <c r="AG66" s="271">
        <v>0.21918160250748378</v>
      </c>
      <c r="AH66" s="272">
        <v>7.1080158760762173E-3</v>
      </c>
      <c r="AI66" s="273">
        <v>0.48085613989649967</v>
      </c>
      <c r="AJ66" s="272">
        <v>8.5834900597652631E-3</v>
      </c>
      <c r="AK66" s="66">
        <v>13525</v>
      </c>
      <c r="AL66" s="67">
        <v>64.115309634413777</v>
      </c>
      <c r="AM66" s="68">
        <v>0.42139710288579496</v>
      </c>
      <c r="AN66" s="271">
        <v>0.37418317763397418</v>
      </c>
      <c r="AO66" s="272">
        <v>8.3209243159596807E-3</v>
      </c>
      <c r="AP66" s="273">
        <v>0.29474715129768669</v>
      </c>
      <c r="AQ66" s="272">
        <v>7.8400782607710145E-3</v>
      </c>
      <c r="AR66" s="66">
        <v>13529</v>
      </c>
      <c r="AS66" s="67">
        <v>64.674676425130073</v>
      </c>
      <c r="AT66" s="68">
        <v>0.43499056656587498</v>
      </c>
      <c r="AU66" s="271">
        <v>0.36491027912587382</v>
      </c>
      <c r="AV66" s="272">
        <v>8.2766321104891776E-3</v>
      </c>
      <c r="AW66" s="273">
        <v>0.32030615518574806</v>
      </c>
      <c r="AX66" s="272">
        <v>8.0221596477630282E-3</v>
      </c>
    </row>
    <row r="67" spans="1:50" s="5" customFormat="1">
      <c r="A67" s="44" t="s">
        <v>351</v>
      </c>
      <c r="B67" s="69">
        <v>10055</v>
      </c>
      <c r="C67" s="70">
        <v>73.164697367354762</v>
      </c>
      <c r="D67" s="71">
        <v>0.40048464601374079</v>
      </c>
      <c r="E67" s="274">
        <v>0.20987679526600334</v>
      </c>
      <c r="F67" s="275">
        <v>8.1221281139804268E-3</v>
      </c>
      <c r="G67" s="276">
        <v>0.43607647042244929</v>
      </c>
      <c r="H67" s="275">
        <v>9.8888751877334678E-3</v>
      </c>
      <c r="I67" s="69">
        <v>10043</v>
      </c>
      <c r="J67" s="70">
        <v>66.862155971112429</v>
      </c>
      <c r="K67" s="71">
        <v>0.45433726982971639</v>
      </c>
      <c r="L67" s="274">
        <v>0.30751297821261192</v>
      </c>
      <c r="M67" s="275">
        <v>9.2082990362279665E-3</v>
      </c>
      <c r="N67" s="276">
        <v>0.3300229878843946</v>
      </c>
      <c r="O67" s="275">
        <v>9.3828857711381556E-3</v>
      </c>
      <c r="P67" s="69">
        <v>10027</v>
      </c>
      <c r="Q67" s="70">
        <v>66.791836467068165</v>
      </c>
      <c r="R67" s="71">
        <v>0.46551816361235671</v>
      </c>
      <c r="S67" s="274">
        <v>0.31635250540374288</v>
      </c>
      <c r="T67" s="275">
        <v>9.2872392196801778E-3</v>
      </c>
      <c r="U67" s="276">
        <v>0.34251780998900488</v>
      </c>
      <c r="V67" s="275">
        <v>9.4767739960541098E-3</v>
      </c>
      <c r="W67" s="69">
        <v>10016</v>
      </c>
      <c r="X67" s="70">
        <v>73.037939169361266</v>
      </c>
      <c r="Y67" s="71">
        <v>0.47861896107427071</v>
      </c>
      <c r="Z67" s="274">
        <v>0.24646932655942103</v>
      </c>
      <c r="AA67" s="275">
        <v>8.6116827991018323E-3</v>
      </c>
      <c r="AB67" s="276">
        <v>0.48841836026437457</v>
      </c>
      <c r="AC67" s="275">
        <v>9.9873367464312877E-3</v>
      </c>
      <c r="AD67" s="69">
        <v>10042</v>
      </c>
      <c r="AE67" s="70">
        <v>76.524111162024013</v>
      </c>
      <c r="AF67" s="71">
        <v>0.40950905192480291</v>
      </c>
      <c r="AG67" s="274">
        <v>0.18469742367316946</v>
      </c>
      <c r="AH67" s="275">
        <v>7.7452839747371976E-3</v>
      </c>
      <c r="AI67" s="276">
        <v>0.52778538758003091</v>
      </c>
      <c r="AJ67" s="275">
        <v>9.9616742556273893E-3</v>
      </c>
      <c r="AK67" s="69">
        <v>10025</v>
      </c>
      <c r="AL67" s="70">
        <v>66.892036120047791</v>
      </c>
      <c r="AM67" s="71">
        <v>0.48085713434636318</v>
      </c>
      <c r="AN67" s="274">
        <v>0.32610143263671432</v>
      </c>
      <c r="AO67" s="275">
        <v>9.3626465751574205E-3</v>
      </c>
      <c r="AP67" s="276">
        <v>0.33752311325959089</v>
      </c>
      <c r="AQ67" s="275">
        <v>9.4440602605184599E-3</v>
      </c>
      <c r="AR67" s="69">
        <v>10021</v>
      </c>
      <c r="AS67" s="70">
        <v>65.681533639053356</v>
      </c>
      <c r="AT67" s="71">
        <v>0.5044151860498951</v>
      </c>
      <c r="AU67" s="274">
        <v>0.34756852736597621</v>
      </c>
      <c r="AV67" s="275">
        <v>9.5124684552233083E-3</v>
      </c>
      <c r="AW67" s="276">
        <v>0.34075583167763918</v>
      </c>
      <c r="AX67" s="275">
        <v>9.4678672150871439E-3</v>
      </c>
    </row>
    <row r="68" spans="1:50" s="5" customFormat="1">
      <c r="A68" s="40" t="s">
        <v>352</v>
      </c>
      <c r="B68" s="49">
        <v>3515</v>
      </c>
      <c r="C68" s="50">
        <v>69.976615823825824</v>
      </c>
      <c r="D68" s="51">
        <v>0.72461273116365144</v>
      </c>
      <c r="E68" s="268">
        <v>0.26637725152457892</v>
      </c>
      <c r="F68" s="277">
        <v>1.4908813318692257E-2</v>
      </c>
      <c r="G68" s="268">
        <v>0.37105151485892707</v>
      </c>
      <c r="H68" s="277">
        <v>1.6288464832602888E-2</v>
      </c>
      <c r="I68" s="49">
        <v>3513</v>
      </c>
      <c r="J68" s="50">
        <v>67.577772556268499</v>
      </c>
      <c r="K68" s="51">
        <v>0.76498159555816492</v>
      </c>
      <c r="L68" s="268">
        <v>0.29375257461215459</v>
      </c>
      <c r="M68" s="277">
        <v>1.5364353363018937E-2</v>
      </c>
      <c r="N68" s="268">
        <v>0.3271014953261957</v>
      </c>
      <c r="O68" s="277">
        <v>1.5824386942336503E-2</v>
      </c>
      <c r="P68" s="49">
        <v>3506</v>
      </c>
      <c r="Q68" s="50">
        <v>64.076642051783381</v>
      </c>
      <c r="R68" s="51">
        <v>0.80960608416473434</v>
      </c>
      <c r="S68" s="268">
        <v>0.36093909300008564</v>
      </c>
      <c r="T68" s="277">
        <v>1.6214590668248423E-2</v>
      </c>
      <c r="U68" s="268">
        <v>0.29767209858632715</v>
      </c>
      <c r="V68" s="277">
        <v>1.5438755758263732E-2</v>
      </c>
      <c r="W68" s="49">
        <v>3506</v>
      </c>
      <c r="X68" s="50">
        <v>69.35603935690294</v>
      </c>
      <c r="Y68" s="51">
        <v>0.86006341989208956</v>
      </c>
      <c r="Z68" s="268">
        <v>0.29645093274998163</v>
      </c>
      <c r="AA68" s="277">
        <v>1.5420493849944388E-2</v>
      </c>
      <c r="AB68" s="268">
        <v>0.41494752470408403</v>
      </c>
      <c r="AC68" s="277">
        <v>1.6633558727091127E-2</v>
      </c>
      <c r="AD68" s="49">
        <v>3507</v>
      </c>
      <c r="AE68" s="50">
        <v>71.939223780586431</v>
      </c>
      <c r="AF68" s="51">
        <v>0.75907590917583134</v>
      </c>
      <c r="AG68" s="268">
        <v>0.24840575209880325</v>
      </c>
      <c r="AH68" s="277">
        <v>1.4589980835254365E-2</v>
      </c>
      <c r="AI68" s="268">
        <v>0.44108522462831345</v>
      </c>
      <c r="AJ68" s="277">
        <v>1.6759289129489815E-2</v>
      </c>
      <c r="AK68" s="49">
        <v>3500</v>
      </c>
      <c r="AL68" s="50">
        <v>61.758635626394216</v>
      </c>
      <c r="AM68" s="51">
        <v>0.83583430222926502</v>
      </c>
      <c r="AN68" s="268">
        <v>0.41499130161793196</v>
      </c>
      <c r="AO68" s="277">
        <v>1.6648049325318787E-2</v>
      </c>
      <c r="AP68" s="268">
        <v>0.2584421719468955</v>
      </c>
      <c r="AQ68" s="277">
        <v>1.4796294089987715E-2</v>
      </c>
      <c r="AR68" s="49">
        <v>3508</v>
      </c>
      <c r="AS68" s="50">
        <v>63.824219254449147</v>
      </c>
      <c r="AT68" s="51">
        <v>0.84786993618243456</v>
      </c>
      <c r="AU68" s="268">
        <v>0.37955825197883186</v>
      </c>
      <c r="AV68" s="277">
        <v>1.637845445261624E-2</v>
      </c>
      <c r="AW68" s="268">
        <v>0.30303302671217563</v>
      </c>
      <c r="AX68" s="277">
        <v>1.5512957867430328E-2</v>
      </c>
    </row>
    <row r="69" spans="1:50" s="5" customFormat="1">
      <c r="A69" s="44" t="s">
        <v>534</v>
      </c>
      <c r="B69" s="69">
        <v>1834</v>
      </c>
      <c r="C69" s="70">
        <v>70.189959450377302</v>
      </c>
      <c r="D69" s="71">
        <v>0.99205595917710154</v>
      </c>
      <c r="E69" s="274">
        <v>0.26090844135078695</v>
      </c>
      <c r="F69" s="275">
        <v>2.0498879652048496E-2</v>
      </c>
      <c r="G69" s="276">
        <v>0.37677889635602624</v>
      </c>
      <c r="H69" s="275">
        <v>2.260906702749408E-2</v>
      </c>
      <c r="I69" s="69">
        <v>1832</v>
      </c>
      <c r="J69" s="70">
        <v>66.380618969820489</v>
      </c>
      <c r="K69" s="71">
        <v>1.072195075708682</v>
      </c>
      <c r="L69" s="274">
        <v>0.31578243515597959</v>
      </c>
      <c r="M69" s="275">
        <v>2.1703668630097334E-2</v>
      </c>
      <c r="N69" s="276">
        <v>0.31014761681358238</v>
      </c>
      <c r="O69" s="275">
        <v>2.1598079257041082E-2</v>
      </c>
      <c r="P69" s="69">
        <v>1828</v>
      </c>
      <c r="Q69" s="70">
        <v>64.195477593841446</v>
      </c>
      <c r="R69" s="71">
        <v>1.1344714823216309</v>
      </c>
      <c r="S69" s="274">
        <v>0.36467413834522561</v>
      </c>
      <c r="T69" s="275">
        <v>2.2495355837266764E-2</v>
      </c>
      <c r="U69" s="276">
        <v>0.29028671522210309</v>
      </c>
      <c r="V69" s="275">
        <v>2.1218975783411493E-2</v>
      </c>
      <c r="W69" s="69">
        <v>1823</v>
      </c>
      <c r="X69" s="70">
        <v>70.93991453476481</v>
      </c>
      <c r="Y69" s="71">
        <v>1.1737912259766694</v>
      </c>
      <c r="Z69" s="274">
        <v>0.27963783602098091</v>
      </c>
      <c r="AA69" s="275">
        <v>2.1011786219473506E-2</v>
      </c>
      <c r="AB69" s="276">
        <v>0.44532240180427363</v>
      </c>
      <c r="AC69" s="275">
        <v>2.3255720643227933E-2</v>
      </c>
      <c r="AD69" s="69">
        <v>1828</v>
      </c>
      <c r="AE69" s="70">
        <v>74.633397990618334</v>
      </c>
      <c r="AF69" s="71">
        <v>1.00591523951858</v>
      </c>
      <c r="AG69" s="274">
        <v>0.19943854955698659</v>
      </c>
      <c r="AH69" s="275">
        <v>1.8694093909627604E-2</v>
      </c>
      <c r="AI69" s="276">
        <v>0.46800935045035735</v>
      </c>
      <c r="AJ69" s="275">
        <v>2.3315805238979356E-2</v>
      </c>
      <c r="AK69" s="69">
        <v>1827</v>
      </c>
      <c r="AL69" s="70">
        <v>63.183267439156701</v>
      </c>
      <c r="AM69" s="71">
        <v>1.1588716432571002</v>
      </c>
      <c r="AN69" s="274">
        <v>0.3876837580249029</v>
      </c>
      <c r="AO69" s="275">
        <v>2.2775235371541257E-2</v>
      </c>
      <c r="AP69" s="276">
        <v>0.26807959075198956</v>
      </c>
      <c r="AQ69" s="275">
        <v>2.0716160561134067E-2</v>
      </c>
      <c r="AR69" s="69">
        <v>1823</v>
      </c>
      <c r="AS69" s="70">
        <v>63.894483030870695</v>
      </c>
      <c r="AT69" s="71">
        <v>1.1929817868046766</v>
      </c>
      <c r="AU69" s="274">
        <v>0.3764882605868361</v>
      </c>
      <c r="AV69" s="275">
        <v>2.2673599624963948E-2</v>
      </c>
      <c r="AW69" s="276">
        <v>0.29681164427330314</v>
      </c>
      <c r="AX69" s="275">
        <v>2.1385766519856735E-2</v>
      </c>
    </row>
    <row r="70" spans="1:50" s="5" customFormat="1">
      <c r="A70" s="40" t="s">
        <v>535</v>
      </c>
      <c r="B70" s="49">
        <v>1503</v>
      </c>
      <c r="C70" s="50">
        <v>70.572146052278597</v>
      </c>
      <c r="D70" s="51">
        <v>1.0965798501320514</v>
      </c>
      <c r="E70" s="268">
        <v>0.25275581579993917</v>
      </c>
      <c r="F70" s="277">
        <v>2.2409259231955095E-2</v>
      </c>
      <c r="G70" s="268">
        <v>0.38358451507513636</v>
      </c>
      <c r="H70" s="277">
        <v>2.5055706164468051E-2</v>
      </c>
      <c r="I70" s="49">
        <v>1502</v>
      </c>
      <c r="J70" s="50">
        <v>66.369928280173355</v>
      </c>
      <c r="K70" s="51">
        <v>1.1997311465536571</v>
      </c>
      <c r="L70" s="268">
        <v>0.31557351811190121</v>
      </c>
      <c r="M70" s="277">
        <v>2.3961418383002066E-2</v>
      </c>
      <c r="N70" s="268">
        <v>0.31451308273710971</v>
      </c>
      <c r="O70" s="277">
        <v>2.3939783088859298E-2</v>
      </c>
      <c r="P70" s="49">
        <v>1499</v>
      </c>
      <c r="Q70" s="50">
        <v>64.9108641623327</v>
      </c>
      <c r="R70" s="51">
        <v>1.268115371024721</v>
      </c>
      <c r="S70" s="268">
        <v>0.34871433389178846</v>
      </c>
      <c r="T70" s="277">
        <v>2.459163792131959E-2</v>
      </c>
      <c r="U70" s="268">
        <v>0.3085088475155276</v>
      </c>
      <c r="V70" s="277">
        <v>2.3838336407232086E-2</v>
      </c>
      <c r="W70" s="49">
        <v>1494</v>
      </c>
      <c r="X70" s="50">
        <v>71.473024483526984</v>
      </c>
      <c r="Y70" s="51">
        <v>1.3035166408114451</v>
      </c>
      <c r="Z70" s="268">
        <v>0.27785304079346856</v>
      </c>
      <c r="AA70" s="277">
        <v>2.3162162653783576E-2</v>
      </c>
      <c r="AB70" s="268">
        <v>0.45814026190043416</v>
      </c>
      <c r="AC70" s="277">
        <v>2.5746899307898887E-2</v>
      </c>
      <c r="AD70" s="49">
        <v>1500</v>
      </c>
      <c r="AE70" s="50">
        <v>74.712296595664725</v>
      </c>
      <c r="AF70" s="51">
        <v>1.1247768907948574</v>
      </c>
      <c r="AG70" s="268">
        <v>0.20312231995273572</v>
      </c>
      <c r="AH70" s="277">
        <v>2.0778199889314359E-2</v>
      </c>
      <c r="AI70" s="268">
        <v>0.4727806487936238</v>
      </c>
      <c r="AJ70" s="277">
        <v>2.5747497430547599E-2</v>
      </c>
      <c r="AK70" s="49">
        <v>1500</v>
      </c>
      <c r="AL70" s="50">
        <v>63.980786402097308</v>
      </c>
      <c r="AM70" s="51">
        <v>1.2922980597651685</v>
      </c>
      <c r="AN70" s="268">
        <v>0.37377270280723762</v>
      </c>
      <c r="AO70" s="277">
        <v>2.4954816003228904E-2</v>
      </c>
      <c r="AP70" s="268">
        <v>0.28475818066733166</v>
      </c>
      <c r="AQ70" s="277">
        <v>2.3288035838989172E-2</v>
      </c>
      <c r="AR70" s="49">
        <v>1494</v>
      </c>
      <c r="AS70" s="50">
        <v>64.044364711706507</v>
      </c>
      <c r="AT70" s="51">
        <v>1.3383884750998023</v>
      </c>
      <c r="AU70" s="268">
        <v>0.371716756010537</v>
      </c>
      <c r="AV70" s="277">
        <v>2.4976954806352258E-2</v>
      </c>
      <c r="AW70" s="268">
        <v>0.3006136599279603</v>
      </c>
      <c r="AX70" s="277">
        <v>2.3705869728548955E-2</v>
      </c>
    </row>
    <row r="71" spans="1:50" s="5" customFormat="1">
      <c r="A71" s="44" t="s">
        <v>546</v>
      </c>
      <c r="B71" s="69">
        <v>335</v>
      </c>
      <c r="C71" s="70">
        <v>68.705578041860434</v>
      </c>
      <c r="D71" s="71">
        <v>2.3021616479269573</v>
      </c>
      <c r="E71" s="274">
        <v>0.29206214411409642</v>
      </c>
      <c r="F71" s="275">
        <v>4.9514003570626339E-2</v>
      </c>
      <c r="G71" s="276">
        <v>0.35072152510355376</v>
      </c>
      <c r="H71" s="275">
        <v>5.1894914467072659E-2</v>
      </c>
      <c r="I71" s="69">
        <v>334</v>
      </c>
      <c r="J71" s="70">
        <v>66.218514935256536</v>
      </c>
      <c r="K71" s="71">
        <v>2.3519659658094532</v>
      </c>
      <c r="L71" s="274">
        <v>0.32070017202815393</v>
      </c>
      <c r="M71" s="275">
        <v>5.0863313619230709E-2</v>
      </c>
      <c r="N71" s="276">
        <v>0.29270144023125338</v>
      </c>
      <c r="O71" s="275">
        <v>4.9618472641059605E-2</v>
      </c>
      <c r="P71" s="69">
        <v>333</v>
      </c>
      <c r="Q71" s="70">
        <v>61.733312337540312</v>
      </c>
      <c r="R71" s="71">
        <v>2.4835903795499541</v>
      </c>
      <c r="S71" s="274">
        <v>0.41992425722378124</v>
      </c>
      <c r="T71" s="275">
        <v>5.3787050018703805E-2</v>
      </c>
      <c r="U71" s="276">
        <v>0.22857754522294324</v>
      </c>
      <c r="V71" s="275">
        <v>4.5973585294147391E-2</v>
      </c>
      <c r="W71" s="69">
        <v>333</v>
      </c>
      <c r="X71" s="70">
        <v>68.987114210270747</v>
      </c>
      <c r="Y71" s="71">
        <v>2.66952642215595</v>
      </c>
      <c r="Z71" s="274">
        <v>0.29293016537222882</v>
      </c>
      <c r="AA71" s="275">
        <v>4.9703442934591065E-2</v>
      </c>
      <c r="AB71" s="276">
        <v>0.39960469739440074</v>
      </c>
      <c r="AC71" s="275">
        <v>5.3390519442086976E-2</v>
      </c>
      <c r="AD71" s="69">
        <v>332</v>
      </c>
      <c r="AE71" s="70">
        <v>74.248285795679507</v>
      </c>
      <c r="AF71" s="71">
        <v>2.2023574505824266</v>
      </c>
      <c r="AG71" s="274">
        <v>0.19019341878977991</v>
      </c>
      <c r="AH71" s="275">
        <v>4.3134827453538797E-2</v>
      </c>
      <c r="AI71" s="276">
        <v>0.45032787326120605</v>
      </c>
      <c r="AJ71" s="275">
        <v>5.4291001169052409E-2</v>
      </c>
      <c r="AK71" s="69">
        <v>331</v>
      </c>
      <c r="AL71" s="70">
        <v>60.712920999778575</v>
      </c>
      <c r="AM71" s="71">
        <v>2.5421338121873527</v>
      </c>
      <c r="AN71" s="274">
        <v>0.42848453146348381</v>
      </c>
      <c r="AO71" s="275">
        <v>5.408748524095669E-2</v>
      </c>
      <c r="AP71" s="276">
        <v>0.21435183542683123</v>
      </c>
      <c r="AQ71" s="275">
        <v>4.509916467943114E-2</v>
      </c>
      <c r="AR71" s="69">
        <v>333</v>
      </c>
      <c r="AS71" s="70">
        <v>63.424085686584263</v>
      </c>
      <c r="AT71" s="71">
        <v>2.5798399361895266</v>
      </c>
      <c r="AU71" s="274">
        <v>0.39067156490044985</v>
      </c>
      <c r="AV71" s="275">
        <v>5.3186793961080461E-2</v>
      </c>
      <c r="AW71" s="276">
        <v>0.28648531247449166</v>
      </c>
      <c r="AX71" s="275">
        <v>4.9386416234670896E-2</v>
      </c>
    </row>
    <row r="72" spans="1:50" s="5" customFormat="1">
      <c r="A72" s="40" t="s">
        <v>536</v>
      </c>
      <c r="B72" s="49">
        <v>292</v>
      </c>
      <c r="C72" s="50">
        <v>72.229028720749085</v>
      </c>
      <c r="D72" s="51">
        <v>2.4356609017866635</v>
      </c>
      <c r="E72" s="268">
        <v>0.22219311039786302</v>
      </c>
      <c r="F72" s="277">
        <v>4.8615298220380306E-2</v>
      </c>
      <c r="G72" s="268">
        <v>0.39604237874404336</v>
      </c>
      <c r="H72" s="277">
        <v>5.6888098499222134E-2</v>
      </c>
      <c r="I72" s="49">
        <v>292</v>
      </c>
      <c r="J72" s="50">
        <v>65.226300187170509</v>
      </c>
      <c r="K72" s="51">
        <v>2.771716923722007</v>
      </c>
      <c r="L72" s="268">
        <v>0.30850660977456995</v>
      </c>
      <c r="M72" s="277">
        <v>5.3815834418846992E-2</v>
      </c>
      <c r="N72" s="268">
        <v>0.27402392294435329</v>
      </c>
      <c r="O72" s="277">
        <v>5.2027231373756103E-2</v>
      </c>
      <c r="P72" s="49">
        <v>289</v>
      </c>
      <c r="Q72" s="50">
        <v>64.150598021761766</v>
      </c>
      <c r="R72" s="51">
        <v>2.9506703589404042</v>
      </c>
      <c r="S72" s="268">
        <v>0.36639665673043725</v>
      </c>
      <c r="T72" s="277">
        <v>5.6355064995172718E-2</v>
      </c>
      <c r="U72" s="268">
        <v>0.30050449191771772</v>
      </c>
      <c r="V72" s="277">
        <v>5.3706416212190279E-2</v>
      </c>
      <c r="W72" s="49">
        <v>291</v>
      </c>
      <c r="X72" s="50">
        <v>73.269328570512286</v>
      </c>
      <c r="Y72" s="51">
        <v>2.9408375284723181</v>
      </c>
      <c r="Z72" s="268">
        <v>0.26715951714856606</v>
      </c>
      <c r="AA72" s="277">
        <v>5.1715725017087981E-2</v>
      </c>
      <c r="AB72" s="268">
        <v>0.50573566528058378</v>
      </c>
      <c r="AC72" s="277">
        <v>5.821852326124391E-2</v>
      </c>
      <c r="AD72" s="49">
        <v>291</v>
      </c>
      <c r="AE72" s="50">
        <v>75.233773998103516</v>
      </c>
      <c r="AF72" s="51">
        <v>2.5580080120054087</v>
      </c>
      <c r="AG72" s="268">
        <v>0.1923265957356935</v>
      </c>
      <c r="AH72" s="277">
        <v>4.6269190564887284E-2</v>
      </c>
      <c r="AI72" s="268">
        <v>0.4775817127054921</v>
      </c>
      <c r="AJ72" s="277">
        <v>5.8165276760406122E-2</v>
      </c>
      <c r="AK72" s="49">
        <v>292</v>
      </c>
      <c r="AL72" s="50">
        <v>63.982001554328363</v>
      </c>
      <c r="AM72" s="51">
        <v>2.993614431341221</v>
      </c>
      <c r="AN72" s="268">
        <v>0.33453292225964887</v>
      </c>
      <c r="AO72" s="277">
        <v>5.4939232872481203E-2</v>
      </c>
      <c r="AP72" s="268">
        <v>0.27963333044179656</v>
      </c>
      <c r="AQ72" s="277">
        <v>5.23427032305201E-2</v>
      </c>
      <c r="AR72" s="49">
        <v>287</v>
      </c>
      <c r="AS72" s="50">
        <v>62.760132904822328</v>
      </c>
      <c r="AT72" s="51">
        <v>3.1916071760633047</v>
      </c>
      <c r="AU72" s="268">
        <v>0.38045904190083779</v>
      </c>
      <c r="AV72" s="277">
        <v>5.6968082058339753E-2</v>
      </c>
      <c r="AW72" s="268">
        <v>0.31051520363551033</v>
      </c>
      <c r="AX72" s="277">
        <v>5.4372495694905668E-2</v>
      </c>
    </row>
    <row r="73" spans="1:50" s="5" customFormat="1">
      <c r="A73" s="44" t="s">
        <v>537</v>
      </c>
      <c r="B73" s="69">
        <v>85</v>
      </c>
      <c r="C73" s="70">
        <v>68.473728663247741</v>
      </c>
      <c r="D73" s="71">
        <v>4.3660856716597074</v>
      </c>
      <c r="E73" s="274">
        <v>0.27959611270906942</v>
      </c>
      <c r="F73" s="275">
        <v>9.614842275654531E-2</v>
      </c>
      <c r="G73" s="276">
        <v>0.28217814688552201</v>
      </c>
      <c r="H73" s="275">
        <v>9.6389342153113913E-2</v>
      </c>
      <c r="I73" s="69">
        <v>86</v>
      </c>
      <c r="J73" s="70">
        <v>63.369817482930465</v>
      </c>
      <c r="K73" s="71">
        <v>5.4444918062111736</v>
      </c>
      <c r="L73" s="274">
        <v>0.34990978541494755</v>
      </c>
      <c r="M73" s="275">
        <v>0.10097982989147504</v>
      </c>
      <c r="N73" s="276">
        <v>0.26453002291916033</v>
      </c>
      <c r="O73" s="275">
        <v>9.4132981546477965E-2</v>
      </c>
      <c r="P73" s="69">
        <v>85</v>
      </c>
      <c r="Q73" s="70">
        <v>61.679086640754633</v>
      </c>
      <c r="R73" s="71">
        <v>5.3037203716686951</v>
      </c>
      <c r="S73" s="274">
        <v>0.42221787840764635</v>
      </c>
      <c r="T73" s="275">
        <v>0.1048233497963057</v>
      </c>
      <c r="U73" s="276">
        <v>0.25279938040507394</v>
      </c>
      <c r="V73" s="275">
        <v>9.3438987013072836E-2</v>
      </c>
      <c r="W73" s="69">
        <v>85</v>
      </c>
      <c r="X73" s="70">
        <v>75.491095638910636</v>
      </c>
      <c r="Y73" s="71">
        <v>4.9938751099331826</v>
      </c>
      <c r="Z73" s="274">
        <v>0.19825340912673414</v>
      </c>
      <c r="AA73" s="275">
        <v>8.6621853303930726E-2</v>
      </c>
      <c r="AB73" s="276">
        <v>0.46280933817317771</v>
      </c>
      <c r="AC73" s="275">
        <v>0.10573198860347613</v>
      </c>
      <c r="AD73" s="69">
        <v>86</v>
      </c>
      <c r="AE73" s="70">
        <v>75.19356117985177</v>
      </c>
      <c r="AF73" s="71">
        <v>4.4869703036997253</v>
      </c>
      <c r="AG73" s="274">
        <v>0.20613147842609789</v>
      </c>
      <c r="AH73" s="275">
        <v>8.7215451363802612E-2</v>
      </c>
      <c r="AI73" s="276">
        <v>0.50205811123382549</v>
      </c>
      <c r="AJ73" s="275">
        <v>0.10540843995906622</v>
      </c>
      <c r="AK73" s="69">
        <v>86</v>
      </c>
      <c r="AL73" s="70">
        <v>64.12663625554714</v>
      </c>
      <c r="AM73" s="71">
        <v>4.8816601653046767</v>
      </c>
      <c r="AN73" s="274">
        <v>0.35484907318907277</v>
      </c>
      <c r="AO73" s="275">
        <v>0.10127243181995541</v>
      </c>
      <c r="AP73" s="276">
        <v>0.19883498384686429</v>
      </c>
      <c r="AQ73" s="275">
        <v>8.6199439716458992E-2</v>
      </c>
      <c r="AR73" s="69">
        <v>85</v>
      </c>
      <c r="AS73" s="70">
        <v>60.235867905998667</v>
      </c>
      <c r="AT73" s="71">
        <v>5.6992279806608792</v>
      </c>
      <c r="AU73" s="274">
        <v>0.41869394323631609</v>
      </c>
      <c r="AV73" s="275">
        <v>0.10471366842224082</v>
      </c>
      <c r="AW73" s="276">
        <v>0.23875478637187805</v>
      </c>
      <c r="AX73" s="275">
        <v>9.1859155986973376E-2</v>
      </c>
    </row>
    <row r="74" spans="1:50" s="5" customFormat="1">
      <c r="A74" s="40" t="s">
        <v>538</v>
      </c>
      <c r="B74" s="49">
        <v>89</v>
      </c>
      <c r="C74" s="50">
        <v>74.320730070082206</v>
      </c>
      <c r="D74" s="51">
        <v>4.2890951715746892</v>
      </c>
      <c r="E74" s="268">
        <v>0.17715424542833527</v>
      </c>
      <c r="F74" s="277">
        <v>8.1529405081796374E-2</v>
      </c>
      <c r="G74" s="268">
        <v>0.44888181365327429</v>
      </c>
      <c r="H74" s="277">
        <v>0.10319766546711641</v>
      </c>
      <c r="I74" s="49">
        <v>88</v>
      </c>
      <c r="J74" s="50">
        <v>67.92253265961908</v>
      </c>
      <c r="K74" s="51">
        <v>4.6837604778458841</v>
      </c>
      <c r="L74" s="268">
        <v>0.27728340434281956</v>
      </c>
      <c r="M74" s="277">
        <v>9.4320643650363648E-2</v>
      </c>
      <c r="N74" s="268">
        <v>0.34833366829007628</v>
      </c>
      <c r="O74" s="277">
        <v>9.9772365525048132E-2</v>
      </c>
      <c r="P74" s="49">
        <v>87</v>
      </c>
      <c r="Q74" s="50">
        <v>66.366334220969335</v>
      </c>
      <c r="R74" s="51">
        <v>5.3371313044622299</v>
      </c>
      <c r="S74" s="268">
        <v>0.31176877536923903</v>
      </c>
      <c r="T74" s="277">
        <v>9.7803427276718743E-2</v>
      </c>
      <c r="U74" s="268">
        <v>0.34889195003038742</v>
      </c>
      <c r="V74" s="277">
        <v>0.10035751318350267</v>
      </c>
      <c r="W74" s="49">
        <v>88</v>
      </c>
      <c r="X74" s="50">
        <v>73.425561439750183</v>
      </c>
      <c r="Y74" s="51">
        <v>5.0700138600392242</v>
      </c>
      <c r="Z74" s="268">
        <v>0.26050915778022932</v>
      </c>
      <c r="AA74" s="277">
        <v>9.2671270277713727E-2</v>
      </c>
      <c r="AB74" s="268">
        <v>0.51229138135680752</v>
      </c>
      <c r="AC74" s="277">
        <v>0.10422838084138476</v>
      </c>
      <c r="AD74" s="49">
        <v>88</v>
      </c>
      <c r="AE74" s="50">
        <v>78.128401857164803</v>
      </c>
      <c r="AF74" s="51">
        <v>4.3931202767651598</v>
      </c>
      <c r="AG74" s="268">
        <v>0.14522504289989216</v>
      </c>
      <c r="AH74" s="277">
        <v>7.6568129750494027E-2</v>
      </c>
      <c r="AI74" s="268">
        <v>0.51785817520037425</v>
      </c>
      <c r="AJ74" s="277">
        <v>0.10419634776302762</v>
      </c>
      <c r="AK74" s="49">
        <v>88</v>
      </c>
      <c r="AL74" s="50">
        <v>67.360115287263014</v>
      </c>
      <c r="AM74" s="51">
        <v>5.5373194760345301</v>
      </c>
      <c r="AN74" s="268">
        <v>0.31003963470436519</v>
      </c>
      <c r="AO74" s="277">
        <v>9.7129377417275023E-2</v>
      </c>
      <c r="AP74" s="268">
        <v>0.34467158736689391</v>
      </c>
      <c r="AQ74" s="277">
        <v>9.954799331242406E-2</v>
      </c>
      <c r="AR74" s="49">
        <v>86</v>
      </c>
      <c r="AS74" s="50">
        <v>65.648591331950584</v>
      </c>
      <c r="AT74" s="51">
        <v>5.5937846381887724</v>
      </c>
      <c r="AU74" s="268">
        <v>0.34616915352933886</v>
      </c>
      <c r="AV74" s="277">
        <v>0.10075113178179677</v>
      </c>
      <c r="AW74" s="268">
        <v>0.39842091953713099</v>
      </c>
      <c r="AX74" s="277">
        <v>0.10340395256590737</v>
      </c>
    </row>
    <row r="75" spans="1:50" s="5" customFormat="1">
      <c r="A75" s="44" t="s">
        <v>539</v>
      </c>
      <c r="B75" s="69">
        <v>99</v>
      </c>
      <c r="C75" s="70">
        <v>74.50422080350188</v>
      </c>
      <c r="D75" s="71">
        <v>4.0375022711235253</v>
      </c>
      <c r="E75" s="274">
        <v>0.18712591430090061</v>
      </c>
      <c r="F75" s="275">
        <v>7.8719187503170265E-2</v>
      </c>
      <c r="G75" s="276">
        <v>0.43798126669300663</v>
      </c>
      <c r="H75" s="275">
        <v>9.7830171737043142E-2</v>
      </c>
      <c r="I75" s="69">
        <v>99</v>
      </c>
      <c r="J75" s="70">
        <v>64.401832280143466</v>
      </c>
      <c r="K75" s="71">
        <v>4.8209729712741751</v>
      </c>
      <c r="L75" s="274">
        <v>0.30433377447613652</v>
      </c>
      <c r="M75" s="275">
        <v>9.1297146664507889E-2</v>
      </c>
      <c r="N75" s="276">
        <v>0.2385309372750416</v>
      </c>
      <c r="O75" s="275">
        <v>8.5181886216724914E-2</v>
      </c>
      <c r="P75" s="69">
        <v>99</v>
      </c>
      <c r="Q75" s="70">
        <v>64.784634514230603</v>
      </c>
      <c r="R75" s="71">
        <v>5.1799874530025596</v>
      </c>
      <c r="S75" s="274">
        <v>0.34962727232935459</v>
      </c>
      <c r="T75" s="275">
        <v>9.432647478002272E-2</v>
      </c>
      <c r="U75" s="276">
        <v>0.3007993102469762</v>
      </c>
      <c r="V75" s="275">
        <v>9.1022509345197275E-2</v>
      </c>
      <c r="W75" s="69">
        <v>99</v>
      </c>
      <c r="X75" s="70">
        <v>75.019970235608398</v>
      </c>
      <c r="Y75" s="71">
        <v>5.2813242504299787</v>
      </c>
      <c r="Z75" s="274">
        <v>0.27179149451807916</v>
      </c>
      <c r="AA75" s="275">
        <v>8.8545378649672435E-2</v>
      </c>
      <c r="AB75" s="276">
        <v>0.55028119335628645</v>
      </c>
      <c r="AC75" s="275">
        <v>9.807157156807883E-2</v>
      </c>
      <c r="AD75" s="69">
        <v>99</v>
      </c>
      <c r="AE75" s="70">
        <v>72.900689100730887</v>
      </c>
      <c r="AF75" s="71">
        <v>4.6030995976102709</v>
      </c>
      <c r="AG75" s="274">
        <v>0.2172316429696336</v>
      </c>
      <c r="AH75" s="275">
        <v>8.2704713508500685E-2</v>
      </c>
      <c r="AI75" s="276">
        <v>0.42859279360539027</v>
      </c>
      <c r="AJ75" s="275">
        <v>9.7600206669992723E-2</v>
      </c>
      <c r="AK75" s="69">
        <v>99</v>
      </c>
      <c r="AL75" s="70">
        <v>63.926075019083243</v>
      </c>
      <c r="AM75" s="71">
        <v>5.3459356311759167</v>
      </c>
      <c r="AN75" s="274">
        <v>0.29842926888847998</v>
      </c>
      <c r="AO75" s="275">
        <v>9.0835122178448288E-2</v>
      </c>
      <c r="AP75" s="276">
        <v>0.29979233249019982</v>
      </c>
      <c r="AQ75" s="275">
        <v>9.0943210629871749E-2</v>
      </c>
      <c r="AR75" s="69">
        <v>98</v>
      </c>
      <c r="AS75" s="70">
        <v>63.123757537359275</v>
      </c>
      <c r="AT75" s="71">
        <v>5.6511011608267019</v>
      </c>
      <c r="AU75" s="274">
        <v>0.37186707805653801</v>
      </c>
      <c r="AV75" s="275">
        <v>9.5966578200014807E-2</v>
      </c>
      <c r="AW75" s="276">
        <v>0.28758785463597863</v>
      </c>
      <c r="AX75" s="275">
        <v>9.039139995771299E-2</v>
      </c>
    </row>
    <row r="76" spans="1:50" s="5" customFormat="1">
      <c r="A76" s="40" t="s">
        <v>540</v>
      </c>
      <c r="B76" s="66">
        <v>114</v>
      </c>
      <c r="C76" s="67">
        <v>70.447625289862302</v>
      </c>
      <c r="D76" s="68">
        <v>4.0808516486477817</v>
      </c>
      <c r="E76" s="271">
        <v>0.2197481935267479</v>
      </c>
      <c r="F76" s="272">
        <v>7.7392570144682593E-2</v>
      </c>
      <c r="G76" s="273">
        <v>0.41631909874347428</v>
      </c>
      <c r="H76" s="272">
        <v>9.0846155210640003E-2</v>
      </c>
      <c r="I76" s="66">
        <v>114</v>
      </c>
      <c r="J76" s="67">
        <v>67.630210787628116</v>
      </c>
      <c r="K76" s="68">
        <v>4.6740676626841697</v>
      </c>
      <c r="L76" s="271">
        <v>0.32180838250126947</v>
      </c>
      <c r="M76" s="272">
        <v>8.6428957047948035E-2</v>
      </c>
      <c r="N76" s="273">
        <v>0.39520433341331773</v>
      </c>
      <c r="O76" s="272">
        <v>9.0150495651854873E-2</v>
      </c>
      <c r="P76" s="66">
        <v>114</v>
      </c>
      <c r="Q76" s="67">
        <v>67.837853857959601</v>
      </c>
      <c r="R76" s="68">
        <v>4.4946063365977675</v>
      </c>
      <c r="S76" s="271">
        <v>0.28757233686791162</v>
      </c>
      <c r="T76" s="272">
        <v>8.3945501122542607E-2</v>
      </c>
      <c r="U76" s="273">
        <v>0.39406309072378498</v>
      </c>
      <c r="V76" s="272">
        <v>9.0108283554518914E-2</v>
      </c>
      <c r="W76" s="66">
        <v>112</v>
      </c>
      <c r="X76" s="67">
        <v>72.833343251265418</v>
      </c>
      <c r="Y76" s="68">
        <v>4.7666066036031873</v>
      </c>
      <c r="Z76" s="271">
        <v>0.24717145735568469</v>
      </c>
      <c r="AA76" s="272">
        <v>8.1030039792965372E-2</v>
      </c>
      <c r="AB76" s="273">
        <v>0.51495809585783048</v>
      </c>
      <c r="AC76" s="272">
        <v>9.2808928670242596E-2</v>
      </c>
      <c r="AD76" s="66">
        <v>113</v>
      </c>
      <c r="AE76" s="67">
        <v>76.364362003761698</v>
      </c>
      <c r="AF76" s="68">
        <v>3.9487192930282498</v>
      </c>
      <c r="AG76" s="271">
        <v>0.15027936890119051</v>
      </c>
      <c r="AH76" s="272">
        <v>6.8166520649076315E-2</v>
      </c>
      <c r="AI76" s="273">
        <v>0.51281393593457114</v>
      </c>
      <c r="AJ76" s="272">
        <v>9.2421708751697043E-2</v>
      </c>
      <c r="AK76" s="66">
        <v>114</v>
      </c>
      <c r="AL76" s="67">
        <v>68.338923268375808</v>
      </c>
      <c r="AM76" s="68">
        <v>4.4518332500817408</v>
      </c>
      <c r="AN76" s="271">
        <v>0.3206528986463219</v>
      </c>
      <c r="AO76" s="272">
        <v>8.6353306605236255E-2</v>
      </c>
      <c r="AP76" s="273">
        <v>0.3437392767921309</v>
      </c>
      <c r="AQ76" s="272">
        <v>8.776122195371705E-2</v>
      </c>
      <c r="AR76" s="66">
        <v>114</v>
      </c>
      <c r="AS76" s="67">
        <v>67.1110511578444</v>
      </c>
      <c r="AT76" s="68">
        <v>4.5316959949608338</v>
      </c>
      <c r="AU76" s="271">
        <v>0.31012789590023415</v>
      </c>
      <c r="AV76" s="272">
        <v>8.5638444038356007E-2</v>
      </c>
      <c r="AW76" s="273">
        <v>0.30310975425884351</v>
      </c>
      <c r="AX76" s="272">
        <v>8.5135559560049021E-2</v>
      </c>
    </row>
    <row r="77" spans="1:50">
      <c r="A77" s="44" t="s">
        <v>541</v>
      </c>
      <c r="B77" s="69">
        <v>112</v>
      </c>
      <c r="C77" s="70">
        <v>72.36614990396798</v>
      </c>
      <c r="D77" s="71">
        <v>3.7478279295065282</v>
      </c>
      <c r="E77" s="274">
        <v>0.22991218848100067</v>
      </c>
      <c r="F77" s="275">
        <v>7.9219618807579495E-2</v>
      </c>
      <c r="G77" s="276">
        <v>0.42297339323786604</v>
      </c>
      <c r="H77" s="275">
        <v>9.1814848588759115E-2</v>
      </c>
      <c r="I77" s="69">
        <v>112</v>
      </c>
      <c r="J77" s="70">
        <v>68.031311679471642</v>
      </c>
      <c r="K77" s="71">
        <v>4.4022175449497105</v>
      </c>
      <c r="L77" s="274">
        <v>0.31108747354982652</v>
      </c>
      <c r="M77" s="275">
        <v>8.6449279458183412E-2</v>
      </c>
      <c r="N77" s="276">
        <v>0.3652498982494552</v>
      </c>
      <c r="O77" s="275">
        <v>8.9649329705650246E-2</v>
      </c>
      <c r="P77" s="69">
        <v>111</v>
      </c>
      <c r="Q77" s="70">
        <v>67.637682287898826</v>
      </c>
      <c r="R77" s="71">
        <v>4.9965124206181564</v>
      </c>
      <c r="S77" s="274">
        <v>0.31412447275130195</v>
      </c>
      <c r="T77" s="275">
        <v>8.7040609672040678E-2</v>
      </c>
      <c r="U77" s="276">
        <v>0.37777435851527552</v>
      </c>
      <c r="V77" s="275">
        <v>9.0617602866535266E-2</v>
      </c>
      <c r="W77" s="69">
        <v>110</v>
      </c>
      <c r="X77" s="70">
        <v>73.883960500676409</v>
      </c>
      <c r="Y77" s="71">
        <v>5.0187254568880073</v>
      </c>
      <c r="Z77" s="274">
        <v>0.21793224053661236</v>
      </c>
      <c r="AA77" s="275">
        <v>7.8566798029177445E-2</v>
      </c>
      <c r="AB77" s="276">
        <v>0.51883091375589108</v>
      </c>
      <c r="AC77" s="275">
        <v>9.3596716946649852E-2</v>
      </c>
      <c r="AD77" s="69">
        <v>111</v>
      </c>
      <c r="AE77" s="70">
        <v>79.70613514823242</v>
      </c>
      <c r="AF77" s="71">
        <v>3.6244821974527253</v>
      </c>
      <c r="AG77" s="274">
        <v>0.14841467453019916</v>
      </c>
      <c r="AH77" s="275">
        <v>6.8483529357540499E-2</v>
      </c>
      <c r="AI77" s="276">
        <v>0.58821505145496933</v>
      </c>
      <c r="AJ77" s="275">
        <v>9.1888408535365812E-2</v>
      </c>
      <c r="AK77" s="69">
        <v>111</v>
      </c>
      <c r="AL77" s="70">
        <v>70.679277265158888</v>
      </c>
      <c r="AM77" s="71">
        <v>4.4156541289537454</v>
      </c>
      <c r="AN77" s="274">
        <v>0.29001664774761332</v>
      </c>
      <c r="AO77" s="275">
        <v>8.5245626982783484E-2</v>
      </c>
      <c r="AP77" s="276">
        <v>0.36989509700996975</v>
      </c>
      <c r="AQ77" s="275">
        <v>9.0261414626302022E-2</v>
      </c>
      <c r="AR77" s="69">
        <v>110</v>
      </c>
      <c r="AS77" s="70">
        <v>66.284373971957677</v>
      </c>
      <c r="AT77" s="71">
        <v>4.6639082126699787</v>
      </c>
      <c r="AU77" s="274">
        <v>0.3375443475863012</v>
      </c>
      <c r="AV77" s="275">
        <v>8.8936746222246732E-2</v>
      </c>
      <c r="AW77" s="276">
        <v>0.31802821241659585</v>
      </c>
      <c r="AX77" s="275">
        <v>8.7693499578616718E-2</v>
      </c>
    </row>
    <row r="78" spans="1:50">
      <c r="A78" s="40" t="s">
        <v>542</v>
      </c>
      <c r="B78" s="49">
        <v>165</v>
      </c>
      <c r="C78" s="50">
        <v>67.562458728239122</v>
      </c>
      <c r="D78" s="51">
        <v>3.2007910580159655</v>
      </c>
      <c r="E78" s="268">
        <v>0.28488590824560722</v>
      </c>
      <c r="F78" s="277">
        <v>6.980793485423771E-2</v>
      </c>
      <c r="G78" s="268">
        <v>0.32484039755961719</v>
      </c>
      <c r="H78" s="277">
        <v>7.2283838250542048E-2</v>
      </c>
      <c r="I78" s="49">
        <v>166</v>
      </c>
      <c r="J78" s="50">
        <v>65.855154385644795</v>
      </c>
      <c r="K78" s="51">
        <v>3.1677032362100186</v>
      </c>
      <c r="L78" s="268">
        <v>0.35910022855669638</v>
      </c>
      <c r="M78" s="277">
        <v>7.3735698133779046E-2</v>
      </c>
      <c r="N78" s="268">
        <v>0.27877369864379797</v>
      </c>
      <c r="O78" s="277">
        <v>6.9169006602469302E-2</v>
      </c>
      <c r="P78" s="49">
        <v>166</v>
      </c>
      <c r="Q78" s="50">
        <v>63.291009473511473</v>
      </c>
      <c r="R78" s="51">
        <v>3.7521704273105012</v>
      </c>
      <c r="S78" s="268">
        <v>0.34285255262143183</v>
      </c>
      <c r="T78" s="277">
        <v>7.299526823486914E-2</v>
      </c>
      <c r="U78" s="268">
        <v>0.30063577729091251</v>
      </c>
      <c r="V78" s="277">
        <v>7.0644479628878015E-2</v>
      </c>
      <c r="W78" s="49">
        <v>166</v>
      </c>
      <c r="X78" s="50">
        <v>70.320626593628162</v>
      </c>
      <c r="Y78" s="51">
        <v>3.9977985391220656</v>
      </c>
      <c r="Z78" s="268">
        <v>0.31404181878579568</v>
      </c>
      <c r="AA78" s="277">
        <v>7.1460021735356261E-2</v>
      </c>
      <c r="AB78" s="268">
        <v>0.461034070681064</v>
      </c>
      <c r="AC78" s="277">
        <v>7.6474104377211263E-2</v>
      </c>
      <c r="AD78" s="49">
        <v>165</v>
      </c>
      <c r="AE78" s="50">
        <v>67.153527087895611</v>
      </c>
      <c r="AF78" s="51">
        <v>3.770263530525428</v>
      </c>
      <c r="AG78" s="268">
        <v>0.31329702719568486</v>
      </c>
      <c r="AH78" s="277">
        <v>7.1628984114224831E-2</v>
      </c>
      <c r="AI78" s="268">
        <v>0.3440012601914072</v>
      </c>
      <c r="AJ78" s="277">
        <v>7.3267402222337574E-2</v>
      </c>
      <c r="AK78" s="49">
        <v>166</v>
      </c>
      <c r="AL78" s="50">
        <v>59.710368007104741</v>
      </c>
      <c r="AM78" s="51">
        <v>3.8546776335699597</v>
      </c>
      <c r="AN78" s="268">
        <v>0.42399658215350106</v>
      </c>
      <c r="AO78" s="277">
        <v>7.5846923023473137E-2</v>
      </c>
      <c r="AP78" s="268">
        <v>0.23230963266876983</v>
      </c>
      <c r="AQ78" s="277">
        <v>6.5381116600963879E-2</v>
      </c>
      <c r="AR78" s="49">
        <v>165</v>
      </c>
      <c r="AS78" s="50">
        <v>59.726544139030622</v>
      </c>
      <c r="AT78" s="51">
        <v>4.3414467711412996</v>
      </c>
      <c r="AU78" s="268">
        <v>0.39827024961705026</v>
      </c>
      <c r="AV78" s="277">
        <v>7.539013341095753E-2</v>
      </c>
      <c r="AW78" s="268">
        <v>0.25697445212673048</v>
      </c>
      <c r="AX78" s="277">
        <v>6.771001574831656E-2</v>
      </c>
    </row>
    <row r="79" spans="1:50">
      <c r="A79" s="44" t="s">
        <v>547</v>
      </c>
      <c r="B79" s="69">
        <v>67</v>
      </c>
      <c r="C79" s="70">
        <v>68.975320991356526</v>
      </c>
      <c r="D79" s="71">
        <v>5.1191547655789753</v>
      </c>
      <c r="E79" s="274">
        <v>0.27313515220990398</v>
      </c>
      <c r="F79" s="275">
        <v>0.10724938864359067</v>
      </c>
      <c r="G79" s="276">
        <v>0.36876552895849157</v>
      </c>
      <c r="H79" s="275">
        <v>0.11498031962481155</v>
      </c>
      <c r="I79" s="69">
        <v>66</v>
      </c>
      <c r="J79" s="70">
        <v>65.974635339182157</v>
      </c>
      <c r="K79" s="71">
        <v>4.8702361698747936</v>
      </c>
      <c r="L79" s="274">
        <v>0.3484271792470387</v>
      </c>
      <c r="M79" s="275">
        <v>0.11453665623886929</v>
      </c>
      <c r="N79" s="276">
        <v>0.24937557027396134</v>
      </c>
      <c r="O79" s="275">
        <v>0.10533236546270965</v>
      </c>
      <c r="P79" s="69">
        <v>66</v>
      </c>
      <c r="Q79" s="70">
        <v>64.313445298950143</v>
      </c>
      <c r="R79" s="71">
        <v>5.7749303428515688</v>
      </c>
      <c r="S79" s="274">
        <v>0.31342392403386699</v>
      </c>
      <c r="T79" s="275">
        <v>0.11188107422329881</v>
      </c>
      <c r="U79" s="276">
        <v>0.28544601563219785</v>
      </c>
      <c r="V79" s="275">
        <v>0.10930357097927952</v>
      </c>
      <c r="W79" s="69">
        <v>66</v>
      </c>
      <c r="X79" s="70">
        <v>70.371023193936892</v>
      </c>
      <c r="Y79" s="71">
        <v>6.2578260058214621</v>
      </c>
      <c r="Z79" s="274">
        <v>0.25246275062504503</v>
      </c>
      <c r="AA79" s="275">
        <v>0.10570256146286185</v>
      </c>
      <c r="AB79" s="276">
        <v>0.44132294849481923</v>
      </c>
      <c r="AC79" s="275">
        <v>0.11878894765551487</v>
      </c>
      <c r="AD79" s="69">
        <v>66</v>
      </c>
      <c r="AE79" s="70">
        <v>60.76497489877363</v>
      </c>
      <c r="AF79" s="71">
        <v>5.9447883428305417</v>
      </c>
      <c r="AG79" s="274">
        <v>0.45771271194810526</v>
      </c>
      <c r="AH79" s="275">
        <v>0.11914224717862287</v>
      </c>
      <c r="AI79" s="276">
        <v>0.22152011850102032</v>
      </c>
      <c r="AJ79" s="275">
        <v>0.10171632941050317</v>
      </c>
      <c r="AK79" s="69">
        <v>66</v>
      </c>
      <c r="AL79" s="70">
        <v>57.188905423761753</v>
      </c>
      <c r="AM79" s="71">
        <v>5.3944420168638834</v>
      </c>
      <c r="AN79" s="274">
        <v>0.49766759211306444</v>
      </c>
      <c r="AO79" s="275">
        <v>0.11952170486413614</v>
      </c>
      <c r="AP79" s="276">
        <v>0.13993353954219404</v>
      </c>
      <c r="AQ79" s="275">
        <v>8.7748244406718939E-2</v>
      </c>
      <c r="AR79" s="69">
        <v>65</v>
      </c>
      <c r="AS79" s="70">
        <v>58.12236209010868</v>
      </c>
      <c r="AT79" s="71">
        <v>6.6602680988027041</v>
      </c>
      <c r="AU79" s="274">
        <v>0.38211679740806004</v>
      </c>
      <c r="AV79" s="275">
        <v>0.11737911626926227</v>
      </c>
      <c r="AW79" s="276">
        <v>0.18948726693951898</v>
      </c>
      <c r="AX79" s="275">
        <v>9.7634851473120121E-2</v>
      </c>
    </row>
    <row r="80" spans="1:50">
      <c r="A80" s="52" t="s">
        <v>548</v>
      </c>
      <c r="B80" s="66">
        <v>118</v>
      </c>
      <c r="C80" s="67">
        <v>72.002684027016741</v>
      </c>
      <c r="D80" s="68">
        <v>3.3390872446315401</v>
      </c>
      <c r="E80" s="271">
        <v>0.20794998926997579</v>
      </c>
      <c r="F80" s="272">
        <v>7.4703369697857416E-2</v>
      </c>
      <c r="G80" s="273">
        <v>0.33378797710752933</v>
      </c>
      <c r="H80" s="272">
        <v>8.572839979224342E-2</v>
      </c>
      <c r="I80" s="66">
        <v>118</v>
      </c>
      <c r="J80" s="67">
        <v>71.312131311806979</v>
      </c>
      <c r="K80" s="68">
        <v>3.8317238420142483</v>
      </c>
      <c r="L80" s="271">
        <v>0.21213853578311528</v>
      </c>
      <c r="M80" s="272">
        <v>7.5200370500341049E-2</v>
      </c>
      <c r="N80" s="273">
        <v>0.36667611145056084</v>
      </c>
      <c r="O80" s="272">
        <v>8.7472941665004481E-2</v>
      </c>
      <c r="P80" s="66">
        <v>119</v>
      </c>
      <c r="Q80" s="67">
        <v>64.797520511964535</v>
      </c>
      <c r="R80" s="68">
        <v>4.1492841642521938</v>
      </c>
      <c r="S80" s="271">
        <v>0.35618570505676594</v>
      </c>
      <c r="T80" s="272">
        <v>8.6605503475035275E-2</v>
      </c>
      <c r="U80" s="273">
        <v>0.23176809064884896</v>
      </c>
      <c r="V80" s="272">
        <v>7.7071420834952789E-2</v>
      </c>
      <c r="W80" s="66">
        <v>116</v>
      </c>
      <c r="X80" s="67">
        <v>70.865501082116381</v>
      </c>
      <c r="Y80" s="68">
        <v>4.3515376646110342</v>
      </c>
      <c r="Z80" s="271">
        <v>0.30842101007909073</v>
      </c>
      <c r="AA80" s="272">
        <v>8.479456429384985E-2</v>
      </c>
      <c r="AB80" s="273">
        <v>0.41876162615327206</v>
      </c>
      <c r="AC80" s="272">
        <v>9.015412208545899E-2</v>
      </c>
      <c r="AD80" s="66">
        <v>118</v>
      </c>
      <c r="AE80" s="67">
        <v>77.10574150834212</v>
      </c>
      <c r="AF80" s="68">
        <v>3.6807794383322041</v>
      </c>
      <c r="AG80" s="271">
        <v>0.1740315885983533</v>
      </c>
      <c r="AH80" s="272">
        <v>7.0268324115145789E-2</v>
      </c>
      <c r="AI80" s="273">
        <v>0.48742108763854219</v>
      </c>
      <c r="AJ80" s="272">
        <v>9.0508939246087147E-2</v>
      </c>
      <c r="AK80" s="66">
        <v>118</v>
      </c>
      <c r="AL80" s="67">
        <v>64.477968601957841</v>
      </c>
      <c r="AM80" s="68">
        <v>4.2166810441019571</v>
      </c>
      <c r="AN80" s="271">
        <v>0.4236242872683274</v>
      </c>
      <c r="AO80" s="272">
        <v>8.9542184955732254E-2</v>
      </c>
      <c r="AP80" s="273">
        <v>0.25597374908338177</v>
      </c>
      <c r="AQ80" s="272">
        <v>7.9813720659140219E-2</v>
      </c>
      <c r="AR80" s="66">
        <v>118</v>
      </c>
      <c r="AS80" s="67">
        <v>64.750984511902431</v>
      </c>
      <c r="AT80" s="68">
        <v>4.3676526542563998</v>
      </c>
      <c r="AU80" s="271">
        <v>0.37966335005318941</v>
      </c>
      <c r="AV80" s="272">
        <v>8.8048625131132929E-2</v>
      </c>
      <c r="AW80" s="273">
        <v>0.25358223867476953</v>
      </c>
      <c r="AX80" s="272">
        <v>7.9588030231968351E-2</v>
      </c>
    </row>
    <row r="81" spans="1:50">
      <c r="A81" s="44" t="s">
        <v>549</v>
      </c>
      <c r="B81" s="69">
        <v>99</v>
      </c>
      <c r="C81" s="70">
        <v>69.971973825168206</v>
      </c>
      <c r="D81" s="71">
        <v>4.3608581129494945</v>
      </c>
      <c r="E81" s="274">
        <v>0.24792728464341934</v>
      </c>
      <c r="F81" s="275">
        <v>8.6192089275003839E-2</v>
      </c>
      <c r="G81" s="276">
        <v>0.36090786458635832</v>
      </c>
      <c r="H81" s="275">
        <v>9.4945431533504251E-2</v>
      </c>
      <c r="I81" s="69">
        <v>99</v>
      </c>
      <c r="J81" s="70">
        <v>64.073118269050937</v>
      </c>
      <c r="K81" s="71">
        <v>4.6991389364658893</v>
      </c>
      <c r="L81" s="274">
        <v>0.32962820936357884</v>
      </c>
      <c r="M81" s="275">
        <v>9.3098583422630152E-2</v>
      </c>
      <c r="N81" s="276">
        <v>0.26132354560129883</v>
      </c>
      <c r="O81" s="275">
        <v>8.7549645189384351E-2</v>
      </c>
      <c r="P81" s="69">
        <v>98</v>
      </c>
      <c r="Q81" s="70">
        <v>63.130244930783775</v>
      </c>
      <c r="R81" s="71">
        <v>4.7308681446497589</v>
      </c>
      <c r="S81" s="274">
        <v>0.33475660514496852</v>
      </c>
      <c r="T81" s="275">
        <v>9.3890680430190832E-2</v>
      </c>
      <c r="U81" s="276">
        <v>0.23977076514566298</v>
      </c>
      <c r="V81" s="275">
        <v>8.574652934279739E-2</v>
      </c>
      <c r="W81" s="69">
        <v>97</v>
      </c>
      <c r="X81" s="70">
        <v>71.347022316476227</v>
      </c>
      <c r="Y81" s="71">
        <v>4.8511540654224472</v>
      </c>
      <c r="Z81" s="274">
        <v>0.23781682978555774</v>
      </c>
      <c r="AA81" s="275">
        <v>8.5964976058476986E-2</v>
      </c>
      <c r="AB81" s="276">
        <v>0.45974960057553765</v>
      </c>
      <c r="AC81" s="275">
        <v>9.9205894227509556E-2</v>
      </c>
      <c r="AD81" s="69">
        <v>98</v>
      </c>
      <c r="AE81" s="70">
        <v>73.908964460905977</v>
      </c>
      <c r="AF81" s="71">
        <v>4.2608595038255146</v>
      </c>
      <c r="AG81" s="274">
        <v>0.18757361092353581</v>
      </c>
      <c r="AH81" s="275">
        <v>7.9185893302674046E-2</v>
      </c>
      <c r="AI81" s="276">
        <v>0.45052196297264741</v>
      </c>
      <c r="AJ81" s="275">
        <v>9.8566224378777226E-2</v>
      </c>
      <c r="AK81" s="69">
        <v>98</v>
      </c>
      <c r="AL81" s="70">
        <v>60.718507922768914</v>
      </c>
      <c r="AM81" s="71">
        <v>5.2676315615313527</v>
      </c>
      <c r="AN81" s="274">
        <v>0.42564115852281409</v>
      </c>
      <c r="AO81" s="275">
        <v>9.7998784529630137E-2</v>
      </c>
      <c r="AP81" s="276">
        <v>0.24605895878900316</v>
      </c>
      <c r="AQ81" s="275">
        <v>8.6426327239076908E-2</v>
      </c>
      <c r="AR81" s="69">
        <v>97</v>
      </c>
      <c r="AS81" s="70">
        <v>60.858733185744875</v>
      </c>
      <c r="AT81" s="71">
        <v>5.3273460714856498</v>
      </c>
      <c r="AU81" s="274">
        <v>0.38238515668105727</v>
      </c>
      <c r="AV81" s="275">
        <v>9.6931282103674868E-2</v>
      </c>
      <c r="AW81" s="276">
        <v>0.2473109375923643</v>
      </c>
      <c r="AX81" s="275">
        <v>8.6997360437628263E-2</v>
      </c>
    </row>
    <row r="82" spans="1:50">
      <c r="A82" s="52" t="s">
        <v>550</v>
      </c>
      <c r="B82" s="66">
        <v>132</v>
      </c>
      <c r="C82" s="67">
        <v>68.400916650376956</v>
      </c>
      <c r="D82" s="68">
        <v>3.9483397658432806</v>
      </c>
      <c r="E82" s="271">
        <v>0.33234926147677141</v>
      </c>
      <c r="F82" s="272">
        <v>8.1081341778576038E-2</v>
      </c>
      <c r="G82" s="273">
        <v>0.36898033028997157</v>
      </c>
      <c r="H82" s="272">
        <v>8.2929589250540434E-2</v>
      </c>
      <c r="I82" s="66">
        <v>130</v>
      </c>
      <c r="J82" s="67">
        <v>65.563414364186883</v>
      </c>
      <c r="K82" s="68">
        <v>4.188893546815545</v>
      </c>
      <c r="L82" s="271">
        <v>0.30502495544470049</v>
      </c>
      <c r="M82" s="272">
        <v>7.996649038612906E-2</v>
      </c>
      <c r="N82" s="273">
        <v>0.31849011815293921</v>
      </c>
      <c r="O82" s="272">
        <v>8.0852126213934727E-2</v>
      </c>
      <c r="P82" s="66">
        <v>131</v>
      </c>
      <c r="Q82" s="67">
        <v>64.855545293948637</v>
      </c>
      <c r="R82" s="68">
        <v>4.2903906073466072</v>
      </c>
      <c r="S82" s="271">
        <v>0.36785621425644444</v>
      </c>
      <c r="T82" s="272">
        <v>8.3187868375229054E-2</v>
      </c>
      <c r="U82" s="273">
        <v>0.32908185993286132</v>
      </c>
      <c r="V82" s="272">
        <v>8.1193410465393773E-2</v>
      </c>
      <c r="W82" s="66">
        <v>130</v>
      </c>
      <c r="X82" s="67">
        <v>68.491050686808137</v>
      </c>
      <c r="Y82" s="68">
        <v>4.591276903958776</v>
      </c>
      <c r="Z82" s="271">
        <v>0.31709047666154044</v>
      </c>
      <c r="AA82" s="272">
        <v>8.0763458121093479E-2</v>
      </c>
      <c r="AB82" s="273">
        <v>0.39922829244874974</v>
      </c>
      <c r="AC82" s="272">
        <v>8.4719427916102319E-2</v>
      </c>
      <c r="AD82" s="66">
        <v>132</v>
      </c>
      <c r="AE82" s="67">
        <v>71.431317305696922</v>
      </c>
      <c r="AF82" s="68">
        <v>4.1505917514358597</v>
      </c>
      <c r="AG82" s="271">
        <v>0.30187318302084587</v>
      </c>
      <c r="AH82" s="272">
        <v>7.9153774412107483E-2</v>
      </c>
      <c r="AI82" s="273">
        <v>0.42646162839604834</v>
      </c>
      <c r="AJ82" s="272">
        <v>8.4871103149627397E-2</v>
      </c>
      <c r="AK82" s="66">
        <v>131</v>
      </c>
      <c r="AL82" s="67">
        <v>59.066656726530631</v>
      </c>
      <c r="AM82" s="68">
        <v>4.6633438975996526</v>
      </c>
      <c r="AN82" s="271">
        <v>0.43116773992391311</v>
      </c>
      <c r="AO82" s="272">
        <v>8.5294908671463068E-2</v>
      </c>
      <c r="AP82" s="273">
        <v>0.267806980609265</v>
      </c>
      <c r="AQ82" s="272">
        <v>7.683246807682706E-2</v>
      </c>
      <c r="AR82" s="66">
        <v>131</v>
      </c>
      <c r="AS82" s="67">
        <v>62.455086034440242</v>
      </c>
      <c r="AT82" s="68">
        <v>4.4708282150244392</v>
      </c>
      <c r="AU82" s="271">
        <v>0.43165725609262212</v>
      </c>
      <c r="AV82" s="272">
        <v>8.5305890185961214E-2</v>
      </c>
      <c r="AW82" s="273">
        <v>0.27656893670910604</v>
      </c>
      <c r="AX82" s="272">
        <v>7.7553907795838553E-2</v>
      </c>
    </row>
    <row r="83" spans="1:50">
      <c r="A83" s="44" t="s">
        <v>551</v>
      </c>
      <c r="B83" s="69">
        <v>115</v>
      </c>
      <c r="C83" s="70">
        <v>71.603506767843641</v>
      </c>
      <c r="D83" s="71">
        <v>3.9861928098585619</v>
      </c>
      <c r="E83" s="274">
        <v>0.24584829773534206</v>
      </c>
      <c r="F83" s="275">
        <v>7.9847822343117533E-2</v>
      </c>
      <c r="G83" s="276">
        <v>0.43283330873264653</v>
      </c>
      <c r="H83" s="275">
        <v>9.0894125011910146E-2</v>
      </c>
      <c r="I83" s="69">
        <v>117</v>
      </c>
      <c r="J83" s="70">
        <v>62.811752913296544</v>
      </c>
      <c r="K83" s="71">
        <v>4.4373435829794667</v>
      </c>
      <c r="L83" s="274">
        <v>0.38791159550898974</v>
      </c>
      <c r="M83" s="275">
        <v>8.8747599148617989E-2</v>
      </c>
      <c r="N83" s="276">
        <v>0.2685321591826948</v>
      </c>
      <c r="O83" s="275">
        <v>8.1292532273695373E-2</v>
      </c>
      <c r="P83" s="69">
        <v>115</v>
      </c>
      <c r="Q83" s="70">
        <v>65.728620206082383</v>
      </c>
      <c r="R83" s="71">
        <v>4.7599539194922862</v>
      </c>
      <c r="S83" s="274">
        <v>0.36682627131250972</v>
      </c>
      <c r="T83" s="275">
        <v>8.8581160574284265E-2</v>
      </c>
      <c r="U83" s="276">
        <v>0.32339911004266947</v>
      </c>
      <c r="V83" s="275">
        <v>8.616449997994613E-2</v>
      </c>
      <c r="W83" s="69">
        <v>116</v>
      </c>
      <c r="X83" s="70">
        <v>71.982438537995691</v>
      </c>
      <c r="Y83" s="71">
        <v>4.8110300248722515</v>
      </c>
      <c r="Z83" s="274">
        <v>0.26301450480339866</v>
      </c>
      <c r="AA83" s="275">
        <v>8.1141771890854281E-2</v>
      </c>
      <c r="AB83" s="276">
        <v>0.47180683993848438</v>
      </c>
      <c r="AC83" s="275">
        <v>9.1151385588166864E-2</v>
      </c>
      <c r="AD83" s="69">
        <v>116</v>
      </c>
      <c r="AE83" s="70">
        <v>74.083945964096046</v>
      </c>
      <c r="AF83" s="71">
        <v>3.996780616636801</v>
      </c>
      <c r="AG83" s="274">
        <v>0.18596874361297686</v>
      </c>
      <c r="AH83" s="275">
        <v>7.2537156552650764E-2</v>
      </c>
      <c r="AI83" s="276">
        <v>0.48545269042547268</v>
      </c>
      <c r="AJ83" s="275">
        <v>9.1250981533932435E-2</v>
      </c>
      <c r="AK83" s="69">
        <v>115</v>
      </c>
      <c r="AL83" s="70">
        <v>66.070561912275323</v>
      </c>
      <c r="AM83" s="71">
        <v>4.7130725474431516</v>
      </c>
      <c r="AN83" s="274">
        <v>0.33480673923151749</v>
      </c>
      <c r="AO83" s="275">
        <v>8.6871855018922181E-2</v>
      </c>
      <c r="AP83" s="276">
        <v>0.28059336712930527</v>
      </c>
      <c r="AQ83" s="275">
        <v>8.3019202419744503E-2</v>
      </c>
      <c r="AR83" s="69">
        <v>116</v>
      </c>
      <c r="AS83" s="70">
        <v>65.721326111505505</v>
      </c>
      <c r="AT83" s="71">
        <v>4.5924025916023794</v>
      </c>
      <c r="AU83" s="274">
        <v>0.36080983822096546</v>
      </c>
      <c r="AV83" s="275">
        <v>8.7919691710897904E-2</v>
      </c>
      <c r="AW83" s="276">
        <v>0.32803925992502286</v>
      </c>
      <c r="AX83" s="275">
        <v>8.6094524443492498E-2</v>
      </c>
    </row>
    <row r="84" spans="1:50">
      <c r="A84" s="52" t="s">
        <v>543</v>
      </c>
      <c r="B84" s="66">
        <v>163</v>
      </c>
      <c r="C84" s="67">
        <v>74.813924977510979</v>
      </c>
      <c r="D84" s="68">
        <v>3.0710427930866686</v>
      </c>
      <c r="E84" s="271">
        <v>0.1927281128294997</v>
      </c>
      <c r="F84" s="272">
        <v>6.1916061274501895E-2</v>
      </c>
      <c r="G84" s="273">
        <v>0.47233421573416384</v>
      </c>
      <c r="H84" s="272">
        <v>7.7269391253346906E-2</v>
      </c>
      <c r="I84" s="66">
        <v>162</v>
      </c>
      <c r="J84" s="67">
        <v>70.849520107040874</v>
      </c>
      <c r="K84" s="68">
        <v>3.3407037685619825</v>
      </c>
      <c r="L84" s="271">
        <v>0.26034783054220451</v>
      </c>
      <c r="M84" s="272">
        <v>6.8600704827749243E-2</v>
      </c>
      <c r="N84" s="273">
        <v>0.38658671471710365</v>
      </c>
      <c r="O84" s="272">
        <v>7.568957549467932E-2</v>
      </c>
      <c r="P84" s="66">
        <v>163</v>
      </c>
      <c r="Q84" s="67">
        <v>67.328997233569694</v>
      </c>
      <c r="R84" s="68">
        <v>3.6694852865333356</v>
      </c>
      <c r="S84" s="271">
        <v>0.31210983109635426</v>
      </c>
      <c r="T84" s="272">
        <v>7.1989383650209571E-2</v>
      </c>
      <c r="U84" s="273">
        <v>0.36182837845805227</v>
      </c>
      <c r="V84" s="272">
        <v>7.4514349082457798E-2</v>
      </c>
      <c r="W84" s="66">
        <v>164</v>
      </c>
      <c r="X84" s="67">
        <v>75.296770314153207</v>
      </c>
      <c r="Y84" s="68">
        <v>3.3863168162771884</v>
      </c>
      <c r="Z84" s="271">
        <v>0.21081198704074056</v>
      </c>
      <c r="AA84" s="272">
        <v>6.3677994072513872E-2</v>
      </c>
      <c r="AB84" s="273">
        <v>0.4850910119493495</v>
      </c>
      <c r="AC84" s="272">
        <v>7.7118983632049345E-2</v>
      </c>
      <c r="AD84" s="66">
        <v>164</v>
      </c>
      <c r="AE84" s="67">
        <v>81.662208237410908</v>
      </c>
      <c r="AF84" s="68">
        <v>2.7822486392833214</v>
      </c>
      <c r="AG84" s="271">
        <v>6.9632799432113923E-2</v>
      </c>
      <c r="AH84" s="272">
        <v>4.183268289587639E-2</v>
      </c>
      <c r="AI84" s="273">
        <v>0.58692373870097314</v>
      </c>
      <c r="AJ84" s="272">
        <v>7.6032539607039068E-2</v>
      </c>
      <c r="AK84" s="66">
        <v>163</v>
      </c>
      <c r="AL84" s="67">
        <v>69.500263411120301</v>
      </c>
      <c r="AM84" s="68">
        <v>3.458260879300922</v>
      </c>
      <c r="AN84" s="271">
        <v>0.29116852254503844</v>
      </c>
      <c r="AO84" s="272">
        <v>7.0660447121050199E-2</v>
      </c>
      <c r="AP84" s="273">
        <v>0.36347754045963576</v>
      </c>
      <c r="AQ84" s="272">
        <v>7.458367992940941E-2</v>
      </c>
      <c r="AR84" s="66">
        <v>164</v>
      </c>
      <c r="AS84" s="67">
        <v>69.864790512389391</v>
      </c>
      <c r="AT84" s="68">
        <v>3.6311802862331719</v>
      </c>
      <c r="AU84" s="271">
        <v>0.29326478703992642</v>
      </c>
      <c r="AV84" s="272">
        <v>7.0587928084482415E-2</v>
      </c>
      <c r="AW84" s="273">
        <v>0.40516253054834911</v>
      </c>
      <c r="AX84" s="272">
        <v>7.5817614537437822E-2</v>
      </c>
    </row>
    <row r="85" spans="1:50">
      <c r="A85" s="44" t="s">
        <v>544</v>
      </c>
      <c r="B85" s="69">
        <v>49</v>
      </c>
      <c r="C85" s="70">
        <v>82.171536441627936</v>
      </c>
      <c r="D85" s="71">
        <v>4.9132541829897898</v>
      </c>
      <c r="E85" s="274">
        <v>0.11739768396998999</v>
      </c>
      <c r="F85" s="275">
        <v>9.708095950662618E-2</v>
      </c>
      <c r="G85" s="276">
        <v>0.60785259972834915</v>
      </c>
      <c r="H85" s="275">
        <v>0.13460139933921525</v>
      </c>
      <c r="I85" s="69">
        <v>49</v>
      </c>
      <c r="J85" s="70">
        <v>75.146180854077343</v>
      </c>
      <c r="K85" s="71">
        <v>4.8739306519481786</v>
      </c>
      <c r="L85" s="274">
        <v>0.20923565580467443</v>
      </c>
      <c r="M85" s="275">
        <v>0.11581894783318245</v>
      </c>
      <c r="N85" s="276">
        <v>0.4309574268689611</v>
      </c>
      <c r="O85" s="275">
        <v>0.13623661427411257</v>
      </c>
      <c r="P85" s="69">
        <v>49</v>
      </c>
      <c r="Q85" s="70">
        <v>72.003233401249744</v>
      </c>
      <c r="R85" s="71">
        <v>6.2690722333266073</v>
      </c>
      <c r="S85" s="274">
        <v>0.25691254111496692</v>
      </c>
      <c r="T85" s="275">
        <v>0.12270270161505541</v>
      </c>
      <c r="U85" s="276">
        <v>0.43699161155007943</v>
      </c>
      <c r="V85" s="275">
        <v>0.13642513560238323</v>
      </c>
      <c r="W85" s="69">
        <v>49</v>
      </c>
      <c r="X85" s="70">
        <v>78.289900088403428</v>
      </c>
      <c r="Y85" s="71">
        <v>5.7841277072116357</v>
      </c>
      <c r="Z85" s="274">
        <v>0.13781235256546848</v>
      </c>
      <c r="AA85" s="275">
        <v>0.10200763892158919</v>
      </c>
      <c r="AB85" s="276">
        <v>0.47779465057420401</v>
      </c>
      <c r="AC85" s="275">
        <v>0.1372447313343875</v>
      </c>
      <c r="AD85" s="69">
        <v>49</v>
      </c>
      <c r="AE85" s="70">
        <v>86.617104420638398</v>
      </c>
      <c r="AF85" s="71">
        <v>3.1424512724941334</v>
      </c>
      <c r="AG85" s="274">
        <v>0</v>
      </c>
      <c r="AH85" s="275">
        <v>5.2349950714565462E-2</v>
      </c>
      <c r="AI85" s="276">
        <v>0.66043602719658312</v>
      </c>
      <c r="AJ85" s="275">
        <v>0.13117722676906898</v>
      </c>
      <c r="AK85" s="69">
        <v>48</v>
      </c>
      <c r="AL85" s="70">
        <v>74.875368833722774</v>
      </c>
      <c r="AM85" s="71">
        <v>5.767279494350646</v>
      </c>
      <c r="AN85" s="274">
        <v>0.24692770095602268</v>
      </c>
      <c r="AO85" s="275">
        <v>0.12260901301581663</v>
      </c>
      <c r="AP85" s="276">
        <v>0.43663725898357386</v>
      </c>
      <c r="AQ85" s="275">
        <v>0.13772298669714744</v>
      </c>
      <c r="AR85" s="69">
        <v>49</v>
      </c>
      <c r="AS85" s="70">
        <v>73.670472495069077</v>
      </c>
      <c r="AT85" s="71">
        <v>6.0417602291605927</v>
      </c>
      <c r="AU85" s="274">
        <v>0.28047277188476022</v>
      </c>
      <c r="AV85" s="275">
        <v>0.12553510802525927</v>
      </c>
      <c r="AW85" s="276">
        <v>0.43696581575185389</v>
      </c>
      <c r="AX85" s="275">
        <v>0.13642436688339862</v>
      </c>
    </row>
    <row r="86" spans="1:50" s="5" customFormat="1">
      <c r="A86" s="52" t="s">
        <v>552</v>
      </c>
      <c r="B86" s="66">
        <v>114</v>
      </c>
      <c r="C86" s="67">
        <v>71.566835295748234</v>
      </c>
      <c r="D86" s="68">
        <v>3.6842891581941584</v>
      </c>
      <c r="E86" s="271">
        <v>0.22597323041492964</v>
      </c>
      <c r="F86" s="272">
        <v>7.8094670089196655E-2</v>
      </c>
      <c r="G86" s="273">
        <v>0.41252671590860923</v>
      </c>
      <c r="H86" s="272">
        <v>9.0733056607424534E-2</v>
      </c>
      <c r="I86" s="66">
        <v>113</v>
      </c>
      <c r="J86" s="67">
        <v>68.941789213921041</v>
      </c>
      <c r="K86" s="68">
        <v>4.2379252933199867</v>
      </c>
      <c r="L86" s="271">
        <v>0.2830417969738292</v>
      </c>
      <c r="M86" s="272">
        <v>8.3939872897480658E-2</v>
      </c>
      <c r="N86" s="273">
        <v>0.36688597888865604</v>
      </c>
      <c r="O86" s="272">
        <v>8.9341661612182849E-2</v>
      </c>
      <c r="P86" s="66">
        <v>114</v>
      </c>
      <c r="Q86" s="67">
        <v>65.257104744833285</v>
      </c>
      <c r="R86" s="68">
        <v>4.4500983035516075</v>
      </c>
      <c r="S86" s="271">
        <v>0.33657647043772904</v>
      </c>
      <c r="T86" s="272">
        <v>8.7347488750208924E-2</v>
      </c>
      <c r="U86" s="273">
        <v>0.32851167547472782</v>
      </c>
      <c r="V86" s="272">
        <v>8.68569330260828E-2</v>
      </c>
      <c r="W86" s="66">
        <v>115</v>
      </c>
      <c r="X86" s="67">
        <v>73.98375382507318</v>
      </c>
      <c r="Y86" s="68">
        <v>4.136129048661326</v>
      </c>
      <c r="Z86" s="271">
        <v>0.24283523059918621</v>
      </c>
      <c r="AA86" s="272">
        <v>7.9544400912637966E-2</v>
      </c>
      <c r="AB86" s="273">
        <v>0.48829175615973142</v>
      </c>
      <c r="AC86" s="272">
        <v>9.1646375146094361E-2</v>
      </c>
      <c r="AD86" s="66">
        <v>115</v>
      </c>
      <c r="AE86" s="67">
        <v>79.488610404725137</v>
      </c>
      <c r="AF86" s="68">
        <v>3.6407811095404581</v>
      </c>
      <c r="AG86" s="271">
        <v>0.10017909068274099</v>
      </c>
      <c r="AH86" s="272">
        <v>5.8182355184483558E-2</v>
      </c>
      <c r="AI86" s="273">
        <v>0.55467560573489572</v>
      </c>
      <c r="AJ86" s="272">
        <v>9.1156559393778966E-2</v>
      </c>
      <c r="AK86" s="66">
        <v>115</v>
      </c>
      <c r="AL86" s="67">
        <v>67.193807796294635</v>
      </c>
      <c r="AM86" s="68">
        <v>4.1733314680005309</v>
      </c>
      <c r="AN86" s="271">
        <v>0.31015224162325494</v>
      </c>
      <c r="AO86" s="272">
        <v>8.5275649733461079E-2</v>
      </c>
      <c r="AP86" s="273">
        <v>0.33208473412340234</v>
      </c>
      <c r="AQ86" s="272">
        <v>8.6707875176667615E-2</v>
      </c>
      <c r="AR86" s="66">
        <v>115</v>
      </c>
      <c r="AS86" s="67">
        <v>68.195326248446733</v>
      </c>
      <c r="AT86" s="68">
        <v>4.4275582593366565</v>
      </c>
      <c r="AU86" s="271">
        <v>0.29887634687665382</v>
      </c>
      <c r="AV86" s="272">
        <v>8.4460313139025675E-2</v>
      </c>
      <c r="AW86" s="273">
        <v>0.39121116825247976</v>
      </c>
      <c r="AX86" s="272">
        <v>8.9620535060039225E-2</v>
      </c>
    </row>
    <row r="87" spans="1:50" s="5" customFormat="1">
      <c r="A87" s="44" t="s">
        <v>545</v>
      </c>
      <c r="B87" s="69">
        <v>189</v>
      </c>
      <c r="C87" s="70">
        <v>67.768679668655281</v>
      </c>
      <c r="D87" s="71">
        <v>3.4940441050504534</v>
      </c>
      <c r="E87" s="274">
        <v>0.31268660581467467</v>
      </c>
      <c r="F87" s="275">
        <v>6.6962672464215153E-2</v>
      </c>
      <c r="G87" s="276">
        <v>0.37236273243242546</v>
      </c>
      <c r="H87" s="275">
        <v>6.9696160127299359E-2</v>
      </c>
      <c r="I87" s="69">
        <v>188</v>
      </c>
      <c r="J87" s="70">
        <v>60.22142013181967</v>
      </c>
      <c r="K87" s="71">
        <v>3.6858815502453699</v>
      </c>
      <c r="L87" s="274">
        <v>0.40076473228949011</v>
      </c>
      <c r="M87" s="275">
        <v>7.0792891262519225E-2</v>
      </c>
      <c r="N87" s="276">
        <v>0.22389737575341176</v>
      </c>
      <c r="O87" s="275">
        <v>6.0709453991431434E-2</v>
      </c>
      <c r="P87" s="69">
        <v>189</v>
      </c>
      <c r="Q87" s="70">
        <v>61.599708899681211</v>
      </c>
      <c r="R87" s="71">
        <v>3.703503386229809</v>
      </c>
      <c r="S87" s="274">
        <v>0.40050275172081795</v>
      </c>
      <c r="T87" s="275">
        <v>7.0601618324407145E-2</v>
      </c>
      <c r="U87" s="276">
        <v>0.29646687120849952</v>
      </c>
      <c r="V87" s="275">
        <v>6.6015165520056568E-2</v>
      </c>
      <c r="W87" s="69">
        <v>188</v>
      </c>
      <c r="X87" s="70">
        <v>69.656416793197494</v>
      </c>
      <c r="Y87" s="71">
        <v>3.9713163264310811</v>
      </c>
      <c r="Z87" s="274">
        <v>0.3073160671842784</v>
      </c>
      <c r="AA87" s="275">
        <v>6.6833710035003963E-2</v>
      </c>
      <c r="AB87" s="276">
        <v>0.43551749837004439</v>
      </c>
      <c r="AC87" s="275">
        <v>7.1591062641705505E-2</v>
      </c>
      <c r="AD87" s="69">
        <v>188</v>
      </c>
      <c r="AE87" s="70">
        <v>73.620472471922895</v>
      </c>
      <c r="AF87" s="71">
        <v>3.2587846790123915</v>
      </c>
      <c r="AG87" s="274">
        <v>0.24237344481502293</v>
      </c>
      <c r="AH87" s="275">
        <v>6.2310584267011374E-2</v>
      </c>
      <c r="AI87" s="276">
        <v>0.43723470862596592</v>
      </c>
      <c r="AJ87" s="275">
        <v>7.1621539100395287E-2</v>
      </c>
      <c r="AK87" s="69">
        <v>188</v>
      </c>
      <c r="AL87" s="70">
        <v>60.360584262132143</v>
      </c>
      <c r="AM87" s="71">
        <v>3.8617761205195431</v>
      </c>
      <c r="AN87" s="274">
        <v>0.39296275701660255</v>
      </c>
      <c r="AO87" s="275">
        <v>7.0565488167967538E-2</v>
      </c>
      <c r="AP87" s="276">
        <v>0.26753700868327679</v>
      </c>
      <c r="AQ87" s="275">
        <v>6.4256830049817554E-2</v>
      </c>
      <c r="AR87" s="69">
        <v>188</v>
      </c>
      <c r="AS87" s="70">
        <v>61.405882853219808</v>
      </c>
      <c r="AT87" s="71">
        <v>4.0263957666791406</v>
      </c>
      <c r="AU87" s="274">
        <v>0.40872217895764218</v>
      </c>
      <c r="AV87" s="275">
        <v>7.1006439689556541E-2</v>
      </c>
      <c r="AW87" s="276">
        <v>0.3412167382873727</v>
      </c>
      <c r="AX87" s="275">
        <v>6.8591094874605726E-2</v>
      </c>
    </row>
    <row r="88" spans="1:50" s="5" customFormat="1"/>
    <row r="90" spans="1:50" ht="18.75">
      <c r="A90" s="337" t="s">
        <v>243</v>
      </c>
      <c r="B90" s="337"/>
      <c r="C90" s="337"/>
      <c r="D90" s="337"/>
      <c r="E90" s="337"/>
      <c r="F90" s="337"/>
      <c r="G90" s="337"/>
      <c r="H90" s="337"/>
    </row>
    <row r="91" spans="1:50" ht="72.75" customHeight="1">
      <c r="A91" s="348" t="s">
        <v>527</v>
      </c>
      <c r="B91" s="348"/>
      <c r="C91" s="348"/>
      <c r="D91" s="348"/>
      <c r="E91" s="348"/>
      <c r="F91" s="348"/>
      <c r="G91" s="348"/>
      <c r="H91" s="348"/>
    </row>
    <row r="92" spans="1:50" ht="33" customHeight="1">
      <c r="A92" s="349" t="s">
        <v>244</v>
      </c>
      <c r="B92" s="350"/>
      <c r="C92" s="350"/>
      <c r="D92" s="350"/>
      <c r="E92" s="350"/>
      <c r="F92" s="350"/>
      <c r="G92" s="350"/>
      <c r="H92" s="351"/>
    </row>
    <row r="93" spans="1:50" ht="42" customHeight="1">
      <c r="A93" s="32" t="s">
        <v>71</v>
      </c>
      <c r="B93" s="33" t="s">
        <v>72</v>
      </c>
      <c r="C93" s="34" t="s">
        <v>588</v>
      </c>
      <c r="D93" s="35" t="s">
        <v>73</v>
      </c>
      <c r="E93" s="34" t="s">
        <v>331</v>
      </c>
      <c r="F93" s="35" t="s">
        <v>335</v>
      </c>
      <c r="G93" s="34" t="s">
        <v>333</v>
      </c>
      <c r="H93" s="35" t="s">
        <v>336</v>
      </c>
    </row>
    <row r="94" spans="1:50" ht="72" customHeight="1">
      <c r="A94" s="36"/>
      <c r="B94" s="37" t="s">
        <v>74</v>
      </c>
      <c r="C94" s="38" t="s">
        <v>247</v>
      </c>
      <c r="D94" s="39" t="s">
        <v>76</v>
      </c>
      <c r="E94" s="38" t="s">
        <v>332</v>
      </c>
      <c r="F94" s="86" t="s">
        <v>88</v>
      </c>
      <c r="G94" s="38" t="s">
        <v>334</v>
      </c>
      <c r="H94" s="86" t="s">
        <v>88</v>
      </c>
    </row>
    <row r="95" spans="1:50">
      <c r="A95" s="40" t="s">
        <v>350</v>
      </c>
      <c r="B95" s="72">
        <v>13562</v>
      </c>
      <c r="C95" s="73">
        <v>67.003714115916821</v>
      </c>
      <c r="D95" s="74">
        <v>0.41771560076770042</v>
      </c>
      <c r="E95" s="278">
        <v>0.31223242392109507</v>
      </c>
      <c r="F95" s="279">
        <v>7.9576522818712876E-3</v>
      </c>
      <c r="G95" s="278">
        <v>0.30655428162142018</v>
      </c>
      <c r="H95" s="279">
        <v>7.9174723496586458E-3</v>
      </c>
    </row>
    <row r="96" spans="1:50">
      <c r="A96" s="44" t="s">
        <v>351</v>
      </c>
      <c r="B96" s="75">
        <v>10049</v>
      </c>
      <c r="C96" s="76">
        <v>69.354440070821909</v>
      </c>
      <c r="D96" s="77">
        <v>0.47362839336437085</v>
      </c>
      <c r="E96" s="280">
        <v>0.27180113126224165</v>
      </c>
      <c r="F96" s="281">
        <v>8.8752017717384363E-3</v>
      </c>
      <c r="G96" s="280">
        <v>0.34684332757075992</v>
      </c>
      <c r="H96" s="281">
        <v>9.4945721376079508E-3</v>
      </c>
    </row>
    <row r="97" spans="1:8" s="5" customFormat="1">
      <c r="A97" s="40" t="s">
        <v>352</v>
      </c>
      <c r="B97" s="72">
        <v>3513</v>
      </c>
      <c r="C97" s="73">
        <v>65.00864740674038</v>
      </c>
      <c r="D97" s="74">
        <v>0.85205123852653242</v>
      </c>
      <c r="E97" s="278">
        <v>0.34654655816728325</v>
      </c>
      <c r="F97" s="279">
        <v>1.605030386499131E-2</v>
      </c>
      <c r="G97" s="278">
        <v>0.27236087249591096</v>
      </c>
      <c r="H97" s="279">
        <v>1.5017693396233021E-2</v>
      </c>
    </row>
    <row r="98" spans="1:8" s="5" customFormat="1">
      <c r="A98" s="44" t="s">
        <v>534</v>
      </c>
      <c r="B98" s="75">
        <v>1832</v>
      </c>
      <c r="C98" s="76">
        <v>66.395463967354658</v>
      </c>
      <c r="D98" s="77">
        <v>1.183257955357041</v>
      </c>
      <c r="E98" s="280">
        <v>0.31556228036860001</v>
      </c>
      <c r="F98" s="281">
        <v>2.1699612434066491E-2</v>
      </c>
      <c r="G98" s="280">
        <v>0.29915376806747984</v>
      </c>
      <c r="H98" s="281">
        <v>2.1381296655476133E-2</v>
      </c>
    </row>
    <row r="99" spans="1:8" s="5" customFormat="1">
      <c r="A99" s="40" t="s">
        <v>535</v>
      </c>
      <c r="B99" s="72">
        <v>1504</v>
      </c>
      <c r="C99" s="73">
        <v>66.987603668250529</v>
      </c>
      <c r="D99" s="74">
        <v>1.3146405147112628</v>
      </c>
      <c r="E99" s="278">
        <v>0.30832828189143657</v>
      </c>
      <c r="F99" s="279">
        <v>2.3794912346419658E-2</v>
      </c>
      <c r="G99" s="278">
        <v>0.31232682769373005</v>
      </c>
      <c r="H99" s="279">
        <v>2.3878859975511348E-2</v>
      </c>
    </row>
    <row r="100" spans="1:8" s="5" customFormat="1">
      <c r="A100" s="44" t="s">
        <v>546</v>
      </c>
      <c r="B100" s="75">
        <v>332</v>
      </c>
      <c r="C100" s="76">
        <v>64.064137230840743</v>
      </c>
      <c r="D100" s="77">
        <v>2.6923804859080871</v>
      </c>
      <c r="E100" s="280">
        <v>0.34635413481838895</v>
      </c>
      <c r="F100" s="281">
        <v>5.1978896256301421E-2</v>
      </c>
      <c r="G100" s="280">
        <v>0.25322942846460927</v>
      </c>
      <c r="H100" s="281">
        <v>4.7627717102172014E-2</v>
      </c>
    </row>
    <row r="101" spans="1:8" s="5" customFormat="1">
      <c r="A101" s="40" t="s">
        <v>536</v>
      </c>
      <c r="B101" s="72">
        <v>293</v>
      </c>
      <c r="C101" s="73">
        <v>67.855037169678624</v>
      </c>
      <c r="D101" s="74">
        <v>3.1170987366568976</v>
      </c>
      <c r="E101" s="278">
        <v>0.28472624633071186</v>
      </c>
      <c r="F101" s="279">
        <v>5.2531484302823554E-2</v>
      </c>
      <c r="G101" s="278">
        <v>0.34365865630834541</v>
      </c>
      <c r="H101" s="279">
        <v>5.5196171441260662E-2</v>
      </c>
    </row>
    <row r="102" spans="1:8" s="5" customFormat="1">
      <c r="A102" s="44" t="s">
        <v>537</v>
      </c>
      <c r="B102" s="75">
        <v>86</v>
      </c>
      <c r="C102" s="76">
        <v>64.879357034590683</v>
      </c>
      <c r="D102" s="77">
        <v>5.4897905787747963</v>
      </c>
      <c r="E102" s="280">
        <v>0.32874268727666844</v>
      </c>
      <c r="F102" s="281">
        <v>9.9603665053287091E-2</v>
      </c>
      <c r="G102" s="280">
        <v>0.31990014267952693</v>
      </c>
      <c r="H102" s="281">
        <v>9.8968719342001688E-2</v>
      </c>
    </row>
    <row r="103" spans="1:8" s="5" customFormat="1">
      <c r="A103" s="40" t="s">
        <v>538</v>
      </c>
      <c r="B103" s="72">
        <v>89</v>
      </c>
      <c r="C103" s="73">
        <v>73.549066439467978</v>
      </c>
      <c r="D103" s="74">
        <v>5.3387664708687028</v>
      </c>
      <c r="E103" s="278">
        <v>0.20887553103956627</v>
      </c>
      <c r="F103" s="279">
        <v>8.610580537054191E-2</v>
      </c>
      <c r="G103" s="278">
        <v>0.39030280917991184</v>
      </c>
      <c r="H103" s="279">
        <v>0.10138384482970894</v>
      </c>
    </row>
    <row r="104" spans="1:8" s="5" customFormat="1">
      <c r="A104" s="44" t="s">
        <v>539</v>
      </c>
      <c r="B104" s="75">
        <v>99</v>
      </c>
      <c r="C104" s="76">
        <v>67.957559393710753</v>
      </c>
      <c r="D104" s="77">
        <v>5.4849913481031525</v>
      </c>
      <c r="E104" s="280">
        <v>0.27479324901565055</v>
      </c>
      <c r="F104" s="281">
        <v>8.8820687056256259E-2</v>
      </c>
      <c r="G104" s="280">
        <v>0.33921978067821884</v>
      </c>
      <c r="H104" s="281">
        <v>9.3708600913239543E-2</v>
      </c>
    </row>
    <row r="105" spans="1:8" s="5" customFormat="1">
      <c r="A105" s="40" t="s">
        <v>540</v>
      </c>
      <c r="B105" s="72">
        <v>114</v>
      </c>
      <c r="C105" s="73">
        <v>71.247455528561801</v>
      </c>
      <c r="D105" s="74">
        <v>4.4330139922103351</v>
      </c>
      <c r="E105" s="278">
        <v>0.21569669280697515</v>
      </c>
      <c r="F105" s="279">
        <v>7.6923611583021051E-2</v>
      </c>
      <c r="G105" s="278">
        <v>0.34633949027584215</v>
      </c>
      <c r="H105" s="279">
        <v>8.7906363710930524E-2</v>
      </c>
    </row>
    <row r="106" spans="1:8" s="5" customFormat="1">
      <c r="A106" s="44" t="s">
        <v>541</v>
      </c>
      <c r="B106" s="75">
        <v>112</v>
      </c>
      <c r="C106" s="76">
        <v>70.962323366729692</v>
      </c>
      <c r="D106" s="77">
        <v>4.5755409461559804</v>
      </c>
      <c r="E106" s="280">
        <v>0.23266615530474666</v>
      </c>
      <c r="F106" s="281">
        <v>7.9519336526235426E-2</v>
      </c>
      <c r="G106" s="280">
        <v>0.4049799825948886</v>
      </c>
      <c r="H106" s="281">
        <v>9.1271315245936138E-2</v>
      </c>
    </row>
    <row r="107" spans="1:8">
      <c r="A107" s="40" t="s">
        <v>542</v>
      </c>
      <c r="B107" s="78">
        <v>167</v>
      </c>
      <c r="C107" s="79">
        <v>65.942766669628355</v>
      </c>
      <c r="D107" s="80">
        <v>3.9375250201344829</v>
      </c>
      <c r="E107" s="282">
        <v>0.34632091171193125</v>
      </c>
      <c r="F107" s="283">
        <v>7.294550014890909E-2</v>
      </c>
      <c r="G107" s="282">
        <v>0.31442466572074995</v>
      </c>
      <c r="H107" s="283">
        <v>7.1271508803704656E-2</v>
      </c>
    </row>
    <row r="108" spans="1:8">
      <c r="A108" s="44" t="s">
        <v>547</v>
      </c>
      <c r="B108" s="75">
        <v>67</v>
      </c>
      <c r="C108" s="76">
        <v>64.343828836748898</v>
      </c>
      <c r="D108" s="77">
        <v>6.4103626878220883</v>
      </c>
      <c r="E108" s="280">
        <v>0.37780671167358981</v>
      </c>
      <c r="F108" s="281">
        <v>0.11547911164250929</v>
      </c>
      <c r="G108" s="280">
        <v>0.23187743550639403</v>
      </c>
      <c r="H108" s="281">
        <v>0.10236151437603737</v>
      </c>
    </row>
    <row r="109" spans="1:8">
      <c r="A109" s="52" t="s">
        <v>548</v>
      </c>
      <c r="B109" s="72">
        <v>119</v>
      </c>
      <c r="C109" s="73">
        <v>68.443067583946203</v>
      </c>
      <c r="D109" s="74">
        <v>4.3768226838119819</v>
      </c>
      <c r="E109" s="278">
        <v>0.29704558731209635</v>
      </c>
      <c r="F109" s="279">
        <v>8.2923218667796769E-2</v>
      </c>
      <c r="G109" s="278">
        <v>0.29732454152913418</v>
      </c>
      <c r="H109" s="279">
        <v>8.2943984097375287E-2</v>
      </c>
    </row>
    <row r="110" spans="1:8">
      <c r="A110" s="44" t="s">
        <v>549</v>
      </c>
      <c r="B110" s="75">
        <v>97</v>
      </c>
      <c r="C110" s="76">
        <v>64.011720469732467</v>
      </c>
      <c r="D110" s="77">
        <v>5.4968572789555061</v>
      </c>
      <c r="E110" s="280">
        <v>0.33947320206404702</v>
      </c>
      <c r="F110" s="281">
        <v>9.4655566673556013E-2</v>
      </c>
      <c r="G110" s="280">
        <v>0.2528636215023562</v>
      </c>
      <c r="H110" s="281">
        <v>8.757809472071304E-2</v>
      </c>
    </row>
    <row r="111" spans="1:8">
      <c r="A111" s="52" t="s">
        <v>550</v>
      </c>
      <c r="B111" s="72">
        <v>131</v>
      </c>
      <c r="C111" s="73">
        <v>64.210006811781483</v>
      </c>
      <c r="D111" s="74">
        <v>4.5822238504392407</v>
      </c>
      <c r="E111" s="278">
        <v>0.36919762492013142</v>
      </c>
      <c r="F111" s="279">
        <v>8.3246995336690971E-2</v>
      </c>
      <c r="G111" s="278">
        <v>0.31627884920844546</v>
      </c>
      <c r="H111" s="279">
        <v>8.0409527940047576E-2</v>
      </c>
    </row>
    <row r="112" spans="1:8">
      <c r="A112" s="44" t="s">
        <v>551</v>
      </c>
      <c r="B112" s="75">
        <v>117</v>
      </c>
      <c r="C112" s="76">
        <v>67.376386957971818</v>
      </c>
      <c r="D112" s="77">
        <v>4.7815742708654687</v>
      </c>
      <c r="E112" s="280">
        <v>0.28295309264445639</v>
      </c>
      <c r="F112" s="281">
        <v>8.2512974449623869E-2</v>
      </c>
      <c r="G112" s="280">
        <v>0.28032145109393375</v>
      </c>
      <c r="H112" s="281">
        <v>8.2297435279293979E-2</v>
      </c>
    </row>
    <row r="113" spans="1:23">
      <c r="A113" s="52" t="s">
        <v>543</v>
      </c>
      <c r="B113" s="72">
        <v>163</v>
      </c>
      <c r="C113" s="73">
        <v>68.298592596651034</v>
      </c>
      <c r="D113" s="74">
        <v>3.6199398233804225</v>
      </c>
      <c r="E113" s="278">
        <v>0.28977708175245914</v>
      </c>
      <c r="F113" s="279">
        <v>7.0566235568530825E-2</v>
      </c>
      <c r="G113" s="278">
        <v>0.29012011077768035</v>
      </c>
      <c r="H113" s="279">
        <v>7.0589531153180063E-2</v>
      </c>
    </row>
    <row r="114" spans="1:23">
      <c r="A114" s="44" t="s">
        <v>544</v>
      </c>
      <c r="B114" s="75">
        <v>49</v>
      </c>
      <c r="C114" s="76">
        <v>70.839449282653916</v>
      </c>
      <c r="D114" s="77">
        <v>7.0570689540504157</v>
      </c>
      <c r="E114" s="280">
        <v>0.24211593004652021</v>
      </c>
      <c r="F114" s="281">
        <v>0.12073841017973216</v>
      </c>
      <c r="G114" s="280">
        <v>0.34715850381721158</v>
      </c>
      <c r="H114" s="281">
        <v>0.13176094210710404</v>
      </c>
    </row>
    <row r="115" spans="1:23">
      <c r="A115" s="52" t="s">
        <v>552</v>
      </c>
      <c r="B115" s="72">
        <v>114</v>
      </c>
      <c r="C115" s="73">
        <v>67.172337590734671</v>
      </c>
      <c r="D115" s="74">
        <v>4.2010113358642895</v>
      </c>
      <c r="E115" s="278">
        <v>0.31090326765356002</v>
      </c>
      <c r="F115" s="279">
        <v>8.5692706665237289E-2</v>
      </c>
      <c r="G115" s="278">
        <v>0.26483738781102073</v>
      </c>
      <c r="H115" s="279">
        <v>8.200542568436972E-2</v>
      </c>
    </row>
    <row r="116" spans="1:23">
      <c r="A116" s="44" t="s">
        <v>545</v>
      </c>
      <c r="B116" s="75">
        <v>187</v>
      </c>
      <c r="C116" s="76">
        <v>64.176624019381904</v>
      </c>
      <c r="D116" s="77">
        <v>3.8386466167611011</v>
      </c>
      <c r="E116" s="280">
        <v>0.35350250471659778</v>
      </c>
      <c r="F116" s="281">
        <v>6.9316480797273566E-2</v>
      </c>
      <c r="G116" s="280">
        <v>0.33349320846696001</v>
      </c>
      <c r="H116" s="281">
        <v>6.840357066737851E-2</v>
      </c>
    </row>
    <row r="117" spans="1:23" s="5" customFormat="1"/>
    <row r="119" spans="1:23" s="5" customFormat="1" ht="18.75">
      <c r="A119" s="335" t="s">
        <v>223</v>
      </c>
      <c r="B119" s="335"/>
      <c r="C119" s="335"/>
      <c r="D119" s="335"/>
      <c r="E119" s="335"/>
      <c r="F119" s="335"/>
      <c r="G119" s="335"/>
      <c r="H119" s="335"/>
      <c r="I119" s="335"/>
      <c r="J119" s="335"/>
      <c r="K119" s="335"/>
      <c r="L119" s="335"/>
      <c r="M119" s="335"/>
      <c r="N119" s="335"/>
      <c r="O119" s="335"/>
      <c r="P119" s="335"/>
      <c r="Q119" s="335"/>
      <c r="R119" s="335"/>
      <c r="S119" s="335"/>
      <c r="T119" s="335"/>
      <c r="U119" s="335"/>
      <c r="V119" s="335"/>
      <c r="W119" s="225"/>
    </row>
    <row r="120" spans="1:23" s="5" customFormat="1" ht="75.75" customHeight="1">
      <c r="A120" s="348" t="s">
        <v>579</v>
      </c>
      <c r="B120" s="348"/>
      <c r="C120" s="348"/>
      <c r="D120" s="348"/>
      <c r="E120" s="348"/>
      <c r="F120" s="348"/>
      <c r="G120" s="348"/>
      <c r="H120" s="348"/>
      <c r="I120" s="348"/>
      <c r="J120" s="348"/>
      <c r="K120" s="348"/>
      <c r="L120" s="348"/>
      <c r="M120" s="348"/>
      <c r="N120" s="348"/>
      <c r="O120" s="348"/>
      <c r="P120" s="348"/>
      <c r="Q120" s="348"/>
      <c r="R120" s="348"/>
      <c r="S120" s="348"/>
      <c r="T120" s="348"/>
      <c r="U120" s="348"/>
      <c r="V120" s="348"/>
    </row>
    <row r="121" spans="1:23" s="5" customFormat="1" ht="48.75" customHeight="1">
      <c r="A121" s="59" t="s">
        <v>245</v>
      </c>
      <c r="B121" s="343" t="s">
        <v>226</v>
      </c>
      <c r="C121" s="344"/>
      <c r="D121" s="344"/>
      <c r="E121" s="344"/>
      <c r="F121" s="344"/>
      <c r="G121" s="344"/>
      <c r="H121" s="345"/>
      <c r="I121" s="349" t="s">
        <v>225</v>
      </c>
      <c r="J121" s="350"/>
      <c r="K121" s="350"/>
      <c r="L121" s="350"/>
      <c r="M121" s="350"/>
      <c r="N121" s="350"/>
      <c r="O121" s="351"/>
      <c r="P121" s="349" t="s">
        <v>224</v>
      </c>
      <c r="Q121" s="350"/>
      <c r="R121" s="350"/>
      <c r="S121" s="350"/>
      <c r="T121" s="350"/>
      <c r="U121" s="350"/>
      <c r="V121" s="351"/>
    </row>
    <row r="122" spans="1:23" s="5" customFormat="1" ht="43.5" customHeight="1">
      <c r="A122" s="32" t="s">
        <v>71</v>
      </c>
      <c r="B122" s="60" t="s">
        <v>72</v>
      </c>
      <c r="C122" s="61" t="s">
        <v>588</v>
      </c>
      <c r="D122" s="62" t="s">
        <v>73</v>
      </c>
      <c r="E122" s="61" t="s">
        <v>331</v>
      </c>
      <c r="F122" s="62" t="s">
        <v>335</v>
      </c>
      <c r="G122" s="61" t="s">
        <v>333</v>
      </c>
      <c r="H122" s="62" t="s">
        <v>336</v>
      </c>
      <c r="I122" s="33" t="s">
        <v>72</v>
      </c>
      <c r="J122" s="34" t="s">
        <v>588</v>
      </c>
      <c r="K122" s="35" t="s">
        <v>73</v>
      </c>
      <c r="L122" s="33" t="s">
        <v>331</v>
      </c>
      <c r="M122" s="35" t="s">
        <v>335</v>
      </c>
      <c r="N122" s="34" t="s">
        <v>333</v>
      </c>
      <c r="O122" s="35" t="s">
        <v>335</v>
      </c>
      <c r="P122" s="60" t="s">
        <v>72</v>
      </c>
      <c r="Q122" s="61" t="s">
        <v>588</v>
      </c>
      <c r="R122" s="62" t="s">
        <v>73</v>
      </c>
      <c r="S122" s="60" t="s">
        <v>331</v>
      </c>
      <c r="T122" s="62" t="s">
        <v>335</v>
      </c>
      <c r="U122" s="61" t="s">
        <v>333</v>
      </c>
      <c r="V122" s="62" t="s">
        <v>335</v>
      </c>
    </row>
    <row r="123" spans="1:23" s="5" customFormat="1" ht="64.5" customHeight="1">
      <c r="A123" s="36"/>
      <c r="B123" s="63" t="s">
        <v>74</v>
      </c>
      <c r="C123" s="64" t="s">
        <v>246</v>
      </c>
      <c r="D123" s="65" t="s">
        <v>76</v>
      </c>
      <c r="E123" s="64" t="s">
        <v>332</v>
      </c>
      <c r="F123" s="65" t="s">
        <v>88</v>
      </c>
      <c r="G123" s="64" t="s">
        <v>334</v>
      </c>
      <c r="H123" s="65" t="s">
        <v>88</v>
      </c>
      <c r="I123" s="37" t="s">
        <v>74</v>
      </c>
      <c r="J123" s="38" t="s">
        <v>246</v>
      </c>
      <c r="K123" s="39" t="s">
        <v>76</v>
      </c>
      <c r="L123" s="37" t="s">
        <v>332</v>
      </c>
      <c r="M123" s="39" t="s">
        <v>88</v>
      </c>
      <c r="N123" s="123" t="s">
        <v>334</v>
      </c>
      <c r="O123" s="39" t="s">
        <v>88</v>
      </c>
      <c r="P123" s="63" t="s">
        <v>74</v>
      </c>
      <c r="Q123" s="64" t="s">
        <v>246</v>
      </c>
      <c r="R123" s="65" t="s">
        <v>76</v>
      </c>
      <c r="S123" s="63" t="s">
        <v>332</v>
      </c>
      <c r="T123" s="65" t="s">
        <v>88</v>
      </c>
      <c r="U123" s="254" t="s">
        <v>334</v>
      </c>
      <c r="V123" s="65" t="s">
        <v>88</v>
      </c>
    </row>
    <row r="124" spans="1:23" s="5" customFormat="1">
      <c r="A124" s="40" t="s">
        <v>350</v>
      </c>
      <c r="B124" s="66">
        <v>13595</v>
      </c>
      <c r="C124" s="67">
        <v>66.671008525665897</v>
      </c>
      <c r="D124" s="68">
        <v>0.4352659319735202</v>
      </c>
      <c r="E124" s="271">
        <v>0.29427832367242951</v>
      </c>
      <c r="F124" s="272">
        <v>7.8162492592661649E-3</v>
      </c>
      <c r="G124" s="271">
        <v>0.26440420139730286</v>
      </c>
      <c r="H124" s="272">
        <v>7.5642652928588853E-3</v>
      </c>
      <c r="I124" s="66">
        <v>13488</v>
      </c>
      <c r="J124" s="67">
        <v>66.618202836074161</v>
      </c>
      <c r="K124" s="68">
        <v>0.44084708176087417</v>
      </c>
      <c r="L124" s="271">
        <v>0.2976766307416695</v>
      </c>
      <c r="M124" s="272">
        <v>7.8733211221182799E-3</v>
      </c>
      <c r="N124" s="271">
        <v>0.27811808775732949</v>
      </c>
      <c r="O124" s="272">
        <v>7.715624666684703E-3</v>
      </c>
      <c r="P124" s="66">
        <v>13500</v>
      </c>
      <c r="Q124" s="67">
        <v>67.647801110856562</v>
      </c>
      <c r="R124" s="68">
        <v>0.4229868689948128</v>
      </c>
      <c r="S124" s="271">
        <v>0.28061620895654121</v>
      </c>
      <c r="T124" s="272">
        <v>7.7333229177852549E-3</v>
      </c>
      <c r="U124" s="271">
        <v>0.28447116453549126</v>
      </c>
      <c r="V124" s="272">
        <v>7.765346301956827E-3</v>
      </c>
    </row>
    <row r="125" spans="1:23" s="5" customFormat="1">
      <c r="A125" s="44" t="s">
        <v>351</v>
      </c>
      <c r="B125" s="69">
        <v>10073</v>
      </c>
      <c r="C125" s="70">
        <v>69.017358204016944</v>
      </c>
      <c r="D125" s="71">
        <v>0.49241329407288709</v>
      </c>
      <c r="E125" s="274">
        <v>0.25722059746896392</v>
      </c>
      <c r="F125" s="275">
        <v>8.7096425078187715E-3</v>
      </c>
      <c r="G125" s="274">
        <v>0.29983537550732603</v>
      </c>
      <c r="H125" s="275">
        <v>9.1293272634278416E-3</v>
      </c>
      <c r="I125" s="69">
        <v>9989</v>
      </c>
      <c r="J125" s="70">
        <v>68.856140725307412</v>
      </c>
      <c r="K125" s="71">
        <v>0.50027931883321508</v>
      </c>
      <c r="L125" s="274">
        <v>0.26323630773319057</v>
      </c>
      <c r="M125" s="275">
        <v>8.8118944317164601E-3</v>
      </c>
      <c r="N125" s="274">
        <v>0.31720661259196503</v>
      </c>
      <c r="O125" s="275">
        <v>9.3116068896594226E-3</v>
      </c>
      <c r="P125" s="69">
        <v>10003</v>
      </c>
      <c r="Q125" s="70">
        <v>70.109356682736859</v>
      </c>
      <c r="R125" s="71">
        <v>0.47747551305841629</v>
      </c>
      <c r="S125" s="274">
        <v>0.24142759489581603</v>
      </c>
      <c r="T125" s="275">
        <v>8.5572333156978906E-3</v>
      </c>
      <c r="U125" s="274">
        <v>0.32555929066739525</v>
      </c>
      <c r="V125" s="275">
        <v>9.3689092615848318E-3</v>
      </c>
    </row>
    <row r="126" spans="1:23" s="5" customFormat="1">
      <c r="A126" s="40" t="s">
        <v>352</v>
      </c>
      <c r="B126" s="49">
        <v>3522</v>
      </c>
      <c r="C126" s="50">
        <v>64.681314939341803</v>
      </c>
      <c r="D126" s="51">
        <v>0.89516544038157875</v>
      </c>
      <c r="E126" s="268">
        <v>0.3257031026945264</v>
      </c>
      <c r="F126" s="277">
        <v>1.5786776890086018E-2</v>
      </c>
      <c r="G126" s="268">
        <v>0.23435873096588655</v>
      </c>
      <c r="H126" s="277">
        <v>1.4273669403777344E-2</v>
      </c>
      <c r="I126" s="49">
        <v>3499</v>
      </c>
      <c r="J126" s="50">
        <v>64.722765909225885</v>
      </c>
      <c r="K126" s="51">
        <v>0.90037310350955169</v>
      </c>
      <c r="L126" s="268">
        <v>0.32684609979480589</v>
      </c>
      <c r="M126" s="277">
        <v>1.5852811422488372E-2</v>
      </c>
      <c r="N126" s="268">
        <v>0.24501179211611837</v>
      </c>
      <c r="O126" s="277">
        <v>1.4539438784733552E-2</v>
      </c>
      <c r="P126" s="49">
        <v>3497</v>
      </c>
      <c r="Q126" s="50">
        <v>65.559882620440547</v>
      </c>
      <c r="R126" s="51">
        <v>0.87150522196120939</v>
      </c>
      <c r="S126" s="268">
        <v>0.31385642211518133</v>
      </c>
      <c r="T126" s="277">
        <v>1.5688691668993459E-2</v>
      </c>
      <c r="U126" s="268">
        <v>0.24961976436098715</v>
      </c>
      <c r="V126" s="277">
        <v>1.4634572147230528E-2</v>
      </c>
    </row>
    <row r="127" spans="1:23" s="5" customFormat="1">
      <c r="A127" s="44" t="s">
        <v>534</v>
      </c>
      <c r="B127" s="69">
        <v>1837</v>
      </c>
      <c r="C127" s="70">
        <v>65.847844452169568</v>
      </c>
      <c r="D127" s="71">
        <v>1.2311690684187508</v>
      </c>
      <c r="E127" s="274">
        <v>0.30747022465950952</v>
      </c>
      <c r="F127" s="275">
        <v>2.1517305393646734E-2</v>
      </c>
      <c r="G127" s="274">
        <v>0.2528995984810668</v>
      </c>
      <c r="H127" s="275">
        <v>2.027547552701485E-2</v>
      </c>
      <c r="I127" s="69">
        <v>1821</v>
      </c>
      <c r="J127" s="70">
        <v>66.194483313123854</v>
      </c>
      <c r="K127" s="71">
        <v>1.241567288460711</v>
      </c>
      <c r="L127" s="274">
        <v>0.30159798441406876</v>
      </c>
      <c r="M127" s="275">
        <v>2.1495281563301671E-2</v>
      </c>
      <c r="N127" s="274">
        <v>0.2731826476703253</v>
      </c>
      <c r="O127" s="275">
        <v>2.0872957335365316E-2</v>
      </c>
      <c r="P127" s="69">
        <v>1822</v>
      </c>
      <c r="Q127" s="70">
        <v>67.023675639289124</v>
      </c>
      <c r="R127" s="71">
        <v>1.2024431378043943</v>
      </c>
      <c r="S127" s="274">
        <v>0.29679819914977384</v>
      </c>
      <c r="T127" s="275">
        <v>2.1391348139303865E-2</v>
      </c>
      <c r="U127" s="274">
        <v>0.27762176386315474</v>
      </c>
      <c r="V127" s="275">
        <v>2.0971181410614652E-2</v>
      </c>
    </row>
    <row r="128" spans="1:23" s="5" customFormat="1">
      <c r="A128" s="40" t="s">
        <v>535</v>
      </c>
      <c r="B128" s="49">
        <v>1508</v>
      </c>
      <c r="C128" s="50">
        <v>66.543694058243702</v>
      </c>
      <c r="D128" s="51">
        <v>1.3610887530539659</v>
      </c>
      <c r="E128" s="268">
        <v>0.29873584926392671</v>
      </c>
      <c r="F128" s="277">
        <v>2.3553765032802855E-2</v>
      </c>
      <c r="G128" s="268">
        <v>0.26594070244098605</v>
      </c>
      <c r="H128" s="277">
        <v>2.2742271374485971E-2</v>
      </c>
      <c r="I128" s="49">
        <v>1494</v>
      </c>
      <c r="J128" s="50">
        <v>66.696872158398477</v>
      </c>
      <c r="K128" s="51">
        <v>1.3820754082435742</v>
      </c>
      <c r="L128" s="268">
        <v>0.29842952411811324</v>
      </c>
      <c r="M128" s="277">
        <v>2.3656760040223442E-2</v>
      </c>
      <c r="N128" s="268">
        <v>0.28680163193196984</v>
      </c>
      <c r="O128" s="277">
        <v>2.3384455846323284E-2</v>
      </c>
      <c r="P128" s="49">
        <v>1495</v>
      </c>
      <c r="Q128" s="50">
        <v>67.606733952766959</v>
      </c>
      <c r="R128" s="51">
        <v>1.3346239624751997</v>
      </c>
      <c r="S128" s="268">
        <v>0.28163869888844756</v>
      </c>
      <c r="T128" s="277">
        <v>2.3249809340367359E-2</v>
      </c>
      <c r="U128" s="268">
        <v>0.29006303720496573</v>
      </c>
      <c r="V128" s="277">
        <v>2.3454859115878902E-2</v>
      </c>
    </row>
    <row r="129" spans="1:22" s="5" customFormat="1">
      <c r="A129" s="44" t="s">
        <v>546</v>
      </c>
      <c r="B129" s="69">
        <v>333</v>
      </c>
      <c r="C129" s="70">
        <v>63.170712619351015</v>
      </c>
      <c r="D129" s="71">
        <v>2.8607726805694407</v>
      </c>
      <c r="E129" s="274">
        <v>0.34314658299863604</v>
      </c>
      <c r="F129" s="275">
        <v>5.1790216731812617E-2</v>
      </c>
      <c r="G129" s="274">
        <v>0.20801116769030403</v>
      </c>
      <c r="H129" s="275">
        <v>4.4489111371395614E-2</v>
      </c>
      <c r="I129" s="69">
        <v>331</v>
      </c>
      <c r="J129" s="70">
        <v>64.169007233851119</v>
      </c>
      <c r="K129" s="71">
        <v>2.8034818110333908</v>
      </c>
      <c r="L129" s="274">
        <v>0.31931439707936277</v>
      </c>
      <c r="M129" s="275">
        <v>5.1034398122452709E-2</v>
      </c>
      <c r="N129" s="274">
        <v>0.22610381952565267</v>
      </c>
      <c r="O129" s="275">
        <v>4.594112885753366E-2</v>
      </c>
      <c r="P129" s="69">
        <v>331</v>
      </c>
      <c r="Q129" s="70">
        <v>64.734786547795409</v>
      </c>
      <c r="R129" s="71">
        <v>2.7516011619595084</v>
      </c>
      <c r="S129" s="274">
        <v>0.35333990623360373</v>
      </c>
      <c r="T129" s="275">
        <v>5.2290965796059997E-2</v>
      </c>
      <c r="U129" s="274">
        <v>0.23455253352643418</v>
      </c>
      <c r="V129" s="275">
        <v>4.6515640744443969E-2</v>
      </c>
    </row>
    <row r="130" spans="1:22" s="5" customFormat="1">
      <c r="A130" s="40" t="s">
        <v>536</v>
      </c>
      <c r="B130" s="49">
        <v>292</v>
      </c>
      <c r="C130" s="50">
        <v>67.107677780632613</v>
      </c>
      <c r="D130" s="51">
        <v>3.2897306625444611</v>
      </c>
      <c r="E130" s="268">
        <v>0.27515607499687134</v>
      </c>
      <c r="F130" s="277">
        <v>5.2091697089076031E-2</v>
      </c>
      <c r="G130" s="268">
        <v>0.30121306254737978</v>
      </c>
      <c r="H130" s="277">
        <v>5.3466906144752038E-2</v>
      </c>
      <c r="I130" s="49">
        <v>290</v>
      </c>
      <c r="J130" s="50">
        <v>66.95005495351343</v>
      </c>
      <c r="K130" s="51">
        <v>3.2697253364436958</v>
      </c>
      <c r="L130" s="268">
        <v>0.27794539425539933</v>
      </c>
      <c r="M130" s="277">
        <v>5.2427383630741529E-2</v>
      </c>
      <c r="N130" s="268">
        <v>0.29836311631849766</v>
      </c>
      <c r="O130" s="277">
        <v>5.3508390317287054E-2</v>
      </c>
      <c r="P130" s="49">
        <v>291</v>
      </c>
      <c r="Q130" s="50">
        <v>69.041729732862663</v>
      </c>
      <c r="R130" s="51">
        <v>3.1051055989924308</v>
      </c>
      <c r="S130" s="268">
        <v>0.23163440563668181</v>
      </c>
      <c r="T130" s="277">
        <v>4.9392204660412081E-2</v>
      </c>
      <c r="U130" s="268">
        <v>0.31219978231570089</v>
      </c>
      <c r="V130" s="277">
        <v>5.4078541650993739E-2</v>
      </c>
    </row>
    <row r="131" spans="1:22" s="5" customFormat="1">
      <c r="A131" s="44" t="s">
        <v>537</v>
      </c>
      <c r="B131" s="69">
        <v>85</v>
      </c>
      <c r="C131" s="70">
        <v>65.03030535999082</v>
      </c>
      <c r="D131" s="71">
        <v>5.6457691337744276</v>
      </c>
      <c r="E131" s="274">
        <v>0.33442762562309691</v>
      </c>
      <c r="F131" s="275">
        <v>0.10055902450205885</v>
      </c>
      <c r="G131" s="274">
        <v>0.30004888729578766</v>
      </c>
      <c r="H131" s="275">
        <v>9.7964116849940747E-2</v>
      </c>
      <c r="I131" s="69">
        <v>85</v>
      </c>
      <c r="J131" s="70">
        <v>63.937927507627769</v>
      </c>
      <c r="K131" s="71">
        <v>5.7209476473616121</v>
      </c>
      <c r="L131" s="274">
        <v>0.2944014466147532</v>
      </c>
      <c r="M131" s="275">
        <v>9.748372828354275E-2</v>
      </c>
      <c r="N131" s="274">
        <v>0.22453069085099581</v>
      </c>
      <c r="O131" s="275">
        <v>9.0139555671521626E-2</v>
      </c>
      <c r="P131" s="69">
        <v>85</v>
      </c>
      <c r="Q131" s="70">
        <v>64.837718160389372</v>
      </c>
      <c r="R131" s="71">
        <v>5.6876576546333304</v>
      </c>
      <c r="S131" s="274">
        <v>0.29169735007209102</v>
      </c>
      <c r="T131" s="275">
        <v>9.7248109590869367E-2</v>
      </c>
      <c r="U131" s="274">
        <v>0.25292375119842875</v>
      </c>
      <c r="V131" s="275">
        <v>9.3452471271311996E-2</v>
      </c>
    </row>
    <row r="132" spans="1:22" s="5" customFormat="1">
      <c r="A132" s="40" t="s">
        <v>538</v>
      </c>
      <c r="B132" s="49">
        <v>89</v>
      </c>
      <c r="C132" s="50">
        <v>73.503987787986816</v>
      </c>
      <c r="D132" s="51">
        <v>5.5414381227328331</v>
      </c>
      <c r="E132" s="268">
        <v>0.17356304718143328</v>
      </c>
      <c r="F132" s="277">
        <v>8.0964171210833241E-2</v>
      </c>
      <c r="G132" s="268">
        <v>0.3238787769665023</v>
      </c>
      <c r="H132" s="277">
        <v>9.7626060013884547E-2</v>
      </c>
      <c r="I132" s="49">
        <v>88</v>
      </c>
      <c r="J132" s="50">
        <v>71.63676108774267</v>
      </c>
      <c r="K132" s="51">
        <v>5.6273129882435544</v>
      </c>
      <c r="L132" s="268">
        <v>0.20650221174854175</v>
      </c>
      <c r="M132" s="277">
        <v>8.6272250688445157E-2</v>
      </c>
      <c r="N132" s="268">
        <v>0.33589348558774468</v>
      </c>
      <c r="O132" s="277">
        <v>9.8986157208401593E-2</v>
      </c>
      <c r="P132" s="49">
        <v>89</v>
      </c>
      <c r="Q132" s="50">
        <v>75.016821797364187</v>
      </c>
      <c r="R132" s="51">
        <v>5.2654394368876698</v>
      </c>
      <c r="S132" s="268">
        <v>0.16424313570815208</v>
      </c>
      <c r="T132" s="277">
        <v>7.9448695896956384E-2</v>
      </c>
      <c r="U132" s="268">
        <v>0.37825773938950297</v>
      </c>
      <c r="V132" s="277">
        <v>0.10084083998587619</v>
      </c>
    </row>
    <row r="133" spans="1:22" s="5" customFormat="1">
      <c r="A133" s="44" t="s">
        <v>539</v>
      </c>
      <c r="B133" s="69">
        <v>99</v>
      </c>
      <c r="C133" s="70">
        <v>66.273918408619522</v>
      </c>
      <c r="D133" s="71">
        <v>5.9596288305890255</v>
      </c>
      <c r="E133" s="274">
        <v>0.27479324901565055</v>
      </c>
      <c r="F133" s="275">
        <v>8.8820687056256259E-2</v>
      </c>
      <c r="G133" s="274">
        <v>0.29630168318771771</v>
      </c>
      <c r="H133" s="275">
        <v>9.0664681581907644E-2</v>
      </c>
      <c r="I133" s="69">
        <v>99</v>
      </c>
      <c r="J133" s="70">
        <v>67.7727018298486</v>
      </c>
      <c r="K133" s="71">
        <v>5.7865173712190341</v>
      </c>
      <c r="L133" s="274">
        <v>0.27912946399580024</v>
      </c>
      <c r="M133" s="275">
        <v>8.9210488607233046E-2</v>
      </c>
      <c r="N133" s="274">
        <v>0.32467074142190333</v>
      </c>
      <c r="O133" s="275">
        <v>9.2767773496832476E-2</v>
      </c>
      <c r="P133" s="69">
        <v>98</v>
      </c>
      <c r="Q133" s="70">
        <v>69.514337442784239</v>
      </c>
      <c r="R133" s="71">
        <v>5.3227386176434175</v>
      </c>
      <c r="S133" s="274">
        <v>0.20131861476823631</v>
      </c>
      <c r="T133" s="275">
        <v>8.1083143794635243E-2</v>
      </c>
      <c r="U133" s="274">
        <v>0.30904755321417826</v>
      </c>
      <c r="V133" s="275">
        <v>9.21084012496136E-2</v>
      </c>
    </row>
    <row r="134" spans="1:22" s="5" customFormat="1">
      <c r="A134" s="40" t="s">
        <v>540</v>
      </c>
      <c r="B134" s="66">
        <v>115</v>
      </c>
      <c r="C134" s="67">
        <v>70.471675587167354</v>
      </c>
      <c r="D134" s="68">
        <v>4.5821511516462463</v>
      </c>
      <c r="E134" s="271">
        <v>0.18984041020674167</v>
      </c>
      <c r="F134" s="272">
        <v>7.3372422831427309E-2</v>
      </c>
      <c r="G134" s="271">
        <v>0.3073122372760872</v>
      </c>
      <c r="H134" s="272">
        <v>8.5075451326956583E-2</v>
      </c>
      <c r="I134" s="66">
        <v>112</v>
      </c>
      <c r="J134" s="67">
        <v>71.205513850992901</v>
      </c>
      <c r="K134" s="68">
        <v>4.7392552727765702</v>
      </c>
      <c r="L134" s="271">
        <v>0.22030308439038659</v>
      </c>
      <c r="M134" s="272">
        <v>7.8140415678450703E-2</v>
      </c>
      <c r="N134" s="271">
        <v>0.34497445898277668</v>
      </c>
      <c r="O134" s="272">
        <v>8.8589706664666618E-2</v>
      </c>
      <c r="P134" s="66">
        <v>113</v>
      </c>
      <c r="Q134" s="67">
        <v>71.918103875318934</v>
      </c>
      <c r="R134" s="68">
        <v>4.4194849748614455</v>
      </c>
      <c r="S134" s="271">
        <v>0.21756064664793484</v>
      </c>
      <c r="T134" s="272">
        <v>7.7479364195381012E-2</v>
      </c>
      <c r="U134" s="271">
        <v>0.31249451693815167</v>
      </c>
      <c r="V134" s="272">
        <v>8.6173069102699201E-2</v>
      </c>
    </row>
    <row r="135" spans="1:22" s="5" customFormat="1">
      <c r="A135" s="44" t="s">
        <v>541</v>
      </c>
      <c r="B135" s="69">
        <v>112</v>
      </c>
      <c r="C135" s="70">
        <v>69.448306777999349</v>
      </c>
      <c r="D135" s="71">
        <v>4.7786493766403142</v>
      </c>
      <c r="E135" s="274">
        <v>0.25734648996769266</v>
      </c>
      <c r="F135" s="275">
        <v>8.202396643761227E-2</v>
      </c>
      <c r="G135" s="274">
        <v>0.29741597484578625</v>
      </c>
      <c r="H135" s="275">
        <v>8.5448366744501431E-2</v>
      </c>
      <c r="I135" s="69">
        <v>112</v>
      </c>
      <c r="J135" s="70">
        <v>71.589457814682618</v>
      </c>
      <c r="K135" s="71">
        <v>4.6855964603441027</v>
      </c>
      <c r="L135" s="274">
        <v>0.25998135638318975</v>
      </c>
      <c r="M135" s="275">
        <v>8.2272797106313189E-2</v>
      </c>
      <c r="N135" s="274">
        <v>0.3766814554425254</v>
      </c>
      <c r="O135" s="275">
        <v>9.0176693325304591E-2</v>
      </c>
      <c r="P135" s="69">
        <v>112</v>
      </c>
      <c r="Q135" s="70">
        <v>71.849205507507122</v>
      </c>
      <c r="R135" s="71">
        <v>4.631107484342329</v>
      </c>
      <c r="S135" s="274">
        <v>0.20251105186667409</v>
      </c>
      <c r="T135" s="275">
        <v>7.5998756811556489E-2</v>
      </c>
      <c r="U135" s="274">
        <v>0.31656525908995581</v>
      </c>
      <c r="V135" s="275">
        <v>8.6827664957000325E-2</v>
      </c>
    </row>
    <row r="136" spans="1:22" s="5" customFormat="1">
      <c r="A136" s="40" t="s">
        <v>542</v>
      </c>
      <c r="B136" s="49">
        <v>167</v>
      </c>
      <c r="C136" s="50">
        <v>65.749258004449089</v>
      </c>
      <c r="D136" s="51">
        <v>4.0633656431607585</v>
      </c>
      <c r="E136" s="268">
        <v>0.30957810780772926</v>
      </c>
      <c r="F136" s="277">
        <v>7.0985717958802902E-2</v>
      </c>
      <c r="G136" s="268">
        <v>0.24956495113116328</v>
      </c>
      <c r="H136" s="277">
        <v>6.6698611759993476E-2</v>
      </c>
      <c r="I136" s="49">
        <v>167</v>
      </c>
      <c r="J136" s="50">
        <v>65.877227650311042</v>
      </c>
      <c r="K136" s="51">
        <v>4.1101875951449074</v>
      </c>
      <c r="L136" s="268">
        <v>0.30649999832853891</v>
      </c>
      <c r="M136" s="277">
        <v>7.0799766421617727E-2</v>
      </c>
      <c r="N136" s="268">
        <v>0.27253339331552534</v>
      </c>
      <c r="O136" s="277">
        <v>6.8509830358726459E-2</v>
      </c>
      <c r="P136" s="49">
        <v>166</v>
      </c>
      <c r="Q136" s="50">
        <v>65.976865323334223</v>
      </c>
      <c r="R136" s="51">
        <v>4.1342471788796846</v>
      </c>
      <c r="S136" s="268">
        <v>0.32052760185169199</v>
      </c>
      <c r="T136" s="277">
        <v>7.1831110149148975E-2</v>
      </c>
      <c r="U136" s="268">
        <v>0.29988423153187738</v>
      </c>
      <c r="V136" s="277">
        <v>7.0596790625270953E-2</v>
      </c>
    </row>
    <row r="137" spans="1:22" s="5" customFormat="1">
      <c r="A137" s="44" t="s">
        <v>547</v>
      </c>
      <c r="B137" s="69">
        <v>67</v>
      </c>
      <c r="C137" s="70">
        <v>64.735764189809458</v>
      </c>
      <c r="D137" s="71">
        <v>6.787454083259286</v>
      </c>
      <c r="E137" s="274">
        <v>0.34238501710065483</v>
      </c>
      <c r="F137" s="275">
        <v>0.11330572397830704</v>
      </c>
      <c r="G137" s="274">
        <v>0.22230443060690647</v>
      </c>
      <c r="H137" s="275">
        <v>0.10107294957701207</v>
      </c>
      <c r="I137" s="69">
        <v>67</v>
      </c>
      <c r="J137" s="70">
        <v>64.331366858755473</v>
      </c>
      <c r="K137" s="71">
        <v>6.4881919986861307</v>
      </c>
      <c r="L137" s="274">
        <v>0.31914838561680914</v>
      </c>
      <c r="M137" s="275">
        <v>0.11155096397465727</v>
      </c>
      <c r="N137" s="274">
        <v>0.20814550326790349</v>
      </c>
      <c r="O137" s="275">
        <v>9.9051341313388941E-2</v>
      </c>
      <c r="P137" s="69">
        <v>66</v>
      </c>
      <c r="Q137" s="70">
        <v>63.430713414891386</v>
      </c>
      <c r="R137" s="71">
        <v>6.6540177949012058</v>
      </c>
      <c r="S137" s="274">
        <v>0.35261177322580811</v>
      </c>
      <c r="T137" s="275">
        <v>0.11481374707717291</v>
      </c>
      <c r="U137" s="274">
        <v>0.2255964763821246</v>
      </c>
      <c r="V137" s="275">
        <v>0.10227756143091697</v>
      </c>
    </row>
    <row r="138" spans="1:22" s="5" customFormat="1">
      <c r="A138" s="52" t="s">
        <v>548</v>
      </c>
      <c r="B138" s="66">
        <v>119</v>
      </c>
      <c r="C138" s="67">
        <v>69.001233686880994</v>
      </c>
      <c r="D138" s="68">
        <v>4.515088383093862</v>
      </c>
      <c r="E138" s="271">
        <v>0.2674224351363424</v>
      </c>
      <c r="F138" s="272">
        <v>8.052039477716838E-2</v>
      </c>
      <c r="G138" s="271">
        <v>0.27054916322825773</v>
      </c>
      <c r="H138" s="272">
        <v>8.0792995466596948E-2</v>
      </c>
      <c r="I138" s="66">
        <v>119</v>
      </c>
      <c r="J138" s="67">
        <v>67.308756186214296</v>
      </c>
      <c r="K138" s="68">
        <v>4.7619609783567549</v>
      </c>
      <c r="L138" s="271">
        <v>0.28148399086909465</v>
      </c>
      <c r="M138" s="272">
        <v>8.1710553505595598E-2</v>
      </c>
      <c r="N138" s="271">
        <v>0.28182723319658065</v>
      </c>
      <c r="O138" s="272">
        <v>8.1738467958636415E-2</v>
      </c>
      <c r="P138" s="66">
        <v>118</v>
      </c>
      <c r="Q138" s="67">
        <v>68.769629263798493</v>
      </c>
      <c r="R138" s="68">
        <v>4.5007018399390697</v>
      </c>
      <c r="S138" s="271">
        <v>0.26936496010692035</v>
      </c>
      <c r="T138" s="272">
        <v>8.1025867492723544E-2</v>
      </c>
      <c r="U138" s="271">
        <v>0.28695307772997886</v>
      </c>
      <c r="V138" s="272">
        <v>8.248965040799483E-2</v>
      </c>
    </row>
    <row r="139" spans="1:22" s="5" customFormat="1">
      <c r="A139" s="44" t="s">
        <v>549</v>
      </c>
      <c r="B139" s="69">
        <v>99</v>
      </c>
      <c r="C139" s="70">
        <v>63.104742480983028</v>
      </c>
      <c r="D139" s="71">
        <v>5.5307936685636774</v>
      </c>
      <c r="E139" s="274">
        <v>0.32137383584132179</v>
      </c>
      <c r="F139" s="275">
        <v>9.2541842493878881E-2</v>
      </c>
      <c r="G139" s="274">
        <v>0.19994506259040501</v>
      </c>
      <c r="H139" s="275">
        <v>8.048978773666271E-2</v>
      </c>
      <c r="I139" s="69">
        <v>96</v>
      </c>
      <c r="J139" s="70">
        <v>63.869705364197841</v>
      </c>
      <c r="K139" s="71">
        <v>5.7753132114248542</v>
      </c>
      <c r="L139" s="274">
        <v>0.31785552169195203</v>
      </c>
      <c r="M139" s="275">
        <v>9.3685524030678924E-2</v>
      </c>
      <c r="N139" s="274">
        <v>0.24004882495340479</v>
      </c>
      <c r="O139" s="275">
        <v>8.6654079253798519E-2</v>
      </c>
      <c r="P139" s="69">
        <v>96</v>
      </c>
      <c r="Q139" s="70">
        <v>65.60127115870759</v>
      </c>
      <c r="R139" s="71">
        <v>5.6155308211698731</v>
      </c>
      <c r="S139" s="274">
        <v>0.3378172398607599</v>
      </c>
      <c r="T139" s="275">
        <v>9.5028190960836464E-2</v>
      </c>
      <c r="U139" s="274">
        <v>0.29554314872108733</v>
      </c>
      <c r="V139" s="275">
        <v>9.1972761211447332E-2</v>
      </c>
    </row>
    <row r="140" spans="1:22" s="5" customFormat="1">
      <c r="A140" s="52" t="s">
        <v>550</v>
      </c>
      <c r="B140" s="66">
        <v>131</v>
      </c>
      <c r="C140" s="67">
        <v>64.022296190117586</v>
      </c>
      <c r="D140" s="68">
        <v>4.8704064820946611</v>
      </c>
      <c r="E140" s="271">
        <v>0.36542215533997174</v>
      </c>
      <c r="F140" s="272">
        <v>8.3078928952619632E-2</v>
      </c>
      <c r="G140" s="271">
        <v>0.2751868972194178</v>
      </c>
      <c r="H140" s="272">
        <v>7.7442397484142819E-2</v>
      </c>
      <c r="I140" s="66">
        <v>131</v>
      </c>
      <c r="J140" s="67">
        <v>64.389164687546241</v>
      </c>
      <c r="K140" s="68">
        <v>4.8480101054999354</v>
      </c>
      <c r="L140" s="271">
        <v>0.35023698260020292</v>
      </c>
      <c r="M140" s="272">
        <v>8.2350735279476894E-2</v>
      </c>
      <c r="N140" s="271">
        <v>0.27775761992578724</v>
      </c>
      <c r="O140" s="272">
        <v>7.7649140018092297E-2</v>
      </c>
      <c r="P140" s="66">
        <v>129</v>
      </c>
      <c r="Q140" s="67">
        <v>64.250070778247775</v>
      </c>
      <c r="R140" s="68">
        <v>4.5030055430498788</v>
      </c>
      <c r="S140" s="271">
        <v>0.31803048843717607</v>
      </c>
      <c r="T140" s="272">
        <v>8.112904401029028E-2</v>
      </c>
      <c r="U140" s="271">
        <v>0.235319440877716</v>
      </c>
      <c r="V140" s="272">
        <v>7.4408892179438996E-2</v>
      </c>
    </row>
    <row r="141" spans="1:22" s="5" customFormat="1">
      <c r="A141" s="44" t="s">
        <v>551</v>
      </c>
      <c r="B141" s="69">
        <v>117</v>
      </c>
      <c r="C141" s="70">
        <v>66.538802925318308</v>
      </c>
      <c r="D141" s="71">
        <v>4.8976974596710052</v>
      </c>
      <c r="E141" s="274">
        <v>0.31238950057169668</v>
      </c>
      <c r="F141" s="275">
        <v>8.471458280472724E-2</v>
      </c>
      <c r="G141" s="274">
        <v>0.27993293380538825</v>
      </c>
      <c r="H141" s="275">
        <v>8.2265346303839221E-2</v>
      </c>
      <c r="I141" s="69">
        <v>116</v>
      </c>
      <c r="J141" s="70">
        <v>67.206456961855835</v>
      </c>
      <c r="K141" s="71">
        <v>5.0512052683165294</v>
      </c>
      <c r="L141" s="274">
        <v>0.2930129022644809</v>
      </c>
      <c r="M141" s="275">
        <v>8.3659026453511795E-2</v>
      </c>
      <c r="N141" s="274">
        <v>0.29267482115438992</v>
      </c>
      <c r="O141" s="275">
        <v>8.3632946558644797E-2</v>
      </c>
      <c r="P141" s="69">
        <v>117</v>
      </c>
      <c r="Q141" s="70">
        <v>68.368646524103653</v>
      </c>
      <c r="R141" s="71">
        <v>4.8304025529604111</v>
      </c>
      <c r="S141" s="274">
        <v>0.23928169194402724</v>
      </c>
      <c r="T141" s="275">
        <v>7.8507952222387128E-2</v>
      </c>
      <c r="U141" s="274">
        <v>0.28032145109393375</v>
      </c>
      <c r="V141" s="275">
        <v>8.2297435279293979E-2</v>
      </c>
    </row>
    <row r="142" spans="1:22" s="5" customFormat="1">
      <c r="A142" s="52" t="s">
        <v>543</v>
      </c>
      <c r="B142" s="66">
        <v>163</v>
      </c>
      <c r="C142" s="67">
        <v>68.142095215105186</v>
      </c>
      <c r="D142" s="68">
        <v>3.7476184920329128</v>
      </c>
      <c r="E142" s="271">
        <v>0.27654821723758405</v>
      </c>
      <c r="F142" s="272">
        <v>6.9632490382048773E-2</v>
      </c>
      <c r="G142" s="271">
        <v>0.25879173423086604</v>
      </c>
      <c r="H142" s="272">
        <v>6.8267232550030213E-2</v>
      </c>
      <c r="I142" s="66">
        <v>161</v>
      </c>
      <c r="J142" s="67">
        <v>67.433501145455921</v>
      </c>
      <c r="K142" s="68">
        <v>3.8042017363254574</v>
      </c>
      <c r="L142" s="271">
        <v>0.2784356471113511</v>
      </c>
      <c r="M142" s="272">
        <v>7.0196355824822143E-2</v>
      </c>
      <c r="N142" s="271">
        <v>0.25965721605252062</v>
      </c>
      <c r="O142" s="272">
        <v>6.8755536845566054E-2</v>
      </c>
      <c r="P142" s="66">
        <v>162</v>
      </c>
      <c r="Q142" s="67">
        <v>69.0461985049823</v>
      </c>
      <c r="R142" s="68">
        <v>3.7327696836987578</v>
      </c>
      <c r="S142" s="271">
        <v>0.27425184237157085</v>
      </c>
      <c r="T142" s="272">
        <v>6.9674663931342765E-2</v>
      </c>
      <c r="U142" s="271">
        <v>0.28934728829026662</v>
      </c>
      <c r="V142" s="272">
        <v>7.0751253186418256E-2</v>
      </c>
    </row>
    <row r="143" spans="1:22" s="5" customFormat="1">
      <c r="A143" s="44" t="s">
        <v>544</v>
      </c>
      <c r="B143" s="69">
        <v>49</v>
      </c>
      <c r="C143" s="70">
        <v>70.607710581782655</v>
      </c>
      <c r="D143" s="71">
        <v>7.0080905625807466</v>
      </c>
      <c r="E143" s="274">
        <v>0.22093285472299001</v>
      </c>
      <c r="F143" s="275">
        <v>0.11766058490080568</v>
      </c>
      <c r="G143" s="274">
        <v>0.28219363630194361</v>
      </c>
      <c r="H143" s="275">
        <v>0.12572832920867524</v>
      </c>
      <c r="I143" s="69">
        <v>49</v>
      </c>
      <c r="J143" s="70">
        <v>70.390088453850993</v>
      </c>
      <c r="K143" s="71">
        <v>7.3334848469196423</v>
      </c>
      <c r="L143" s="274">
        <v>0.24211593004652021</v>
      </c>
      <c r="M143" s="275">
        <v>0.12073841017973216</v>
      </c>
      <c r="N143" s="274">
        <v>0.33310035498889462</v>
      </c>
      <c r="O143" s="275">
        <v>0.13065594939598674</v>
      </c>
      <c r="P143" s="69">
        <v>48</v>
      </c>
      <c r="Q143" s="70">
        <v>71.554486247887425</v>
      </c>
      <c r="R143" s="71">
        <v>7.323889793144601</v>
      </c>
      <c r="S143" s="274">
        <v>0.22043463363732702</v>
      </c>
      <c r="T143" s="275">
        <v>0.1187773812506614</v>
      </c>
      <c r="U143" s="274">
        <v>0.35490680446802564</v>
      </c>
      <c r="V143" s="275">
        <v>0.13360739587684967</v>
      </c>
    </row>
    <row r="144" spans="1:22" s="5" customFormat="1">
      <c r="A144" s="52" t="s">
        <v>552</v>
      </c>
      <c r="B144" s="66">
        <v>114</v>
      </c>
      <c r="C144" s="67">
        <v>67.049191524518449</v>
      </c>
      <c r="D144" s="68">
        <v>4.4403481014881923</v>
      </c>
      <c r="E144" s="271">
        <v>0.3012001705661484</v>
      </c>
      <c r="F144" s="272">
        <v>8.4995040546381309E-2</v>
      </c>
      <c r="G144" s="271">
        <v>0.24841865435559865</v>
      </c>
      <c r="H144" s="272">
        <v>8.0448985679543908E-2</v>
      </c>
      <c r="I144" s="66">
        <v>112</v>
      </c>
      <c r="J144" s="67">
        <v>66.097496972653033</v>
      </c>
      <c r="K144" s="68">
        <v>4.4330429018191753</v>
      </c>
      <c r="L144" s="271">
        <v>0.29484757359695035</v>
      </c>
      <c r="M144" s="272">
        <v>8.5251155272188864E-2</v>
      </c>
      <c r="N144" s="271">
        <v>0.22647018998224958</v>
      </c>
      <c r="O144" s="272">
        <v>7.8839072168397473E-2</v>
      </c>
      <c r="P144" s="66">
        <v>114</v>
      </c>
      <c r="Q144" s="67">
        <v>67.958653088495836</v>
      </c>
      <c r="R144" s="68">
        <v>4.323217013485257</v>
      </c>
      <c r="S144" s="271">
        <v>0.29758595100905533</v>
      </c>
      <c r="T144" s="272">
        <v>8.4724718326663187E-2</v>
      </c>
      <c r="U144" s="271">
        <v>0.26092194054941709</v>
      </c>
      <c r="V144" s="272">
        <v>8.1646435230876613E-2</v>
      </c>
    </row>
    <row r="145" spans="1:45" s="5" customFormat="1">
      <c r="A145" s="44" t="s">
        <v>545</v>
      </c>
      <c r="B145" s="69">
        <v>189</v>
      </c>
      <c r="C145" s="70">
        <v>63.327158301720644</v>
      </c>
      <c r="D145" s="71">
        <v>3.8944378588526725</v>
      </c>
      <c r="E145" s="274">
        <v>0.35676620562597777</v>
      </c>
      <c r="F145" s="275">
        <v>6.9091164305157673E-2</v>
      </c>
      <c r="G145" s="274">
        <v>0.23353077934063918</v>
      </c>
      <c r="H145" s="275">
        <v>6.1401068656472019E-2</v>
      </c>
      <c r="I145" s="69">
        <v>186</v>
      </c>
      <c r="J145" s="70">
        <v>64.393320269903782</v>
      </c>
      <c r="K145" s="71">
        <v>4.0086157332514514</v>
      </c>
      <c r="L145" s="274">
        <v>0.34729575824262454</v>
      </c>
      <c r="M145" s="275">
        <v>6.9229278050175064E-2</v>
      </c>
      <c r="N145" s="274">
        <v>0.2712850118845419</v>
      </c>
      <c r="O145" s="275">
        <v>6.4867284557459451E-2</v>
      </c>
      <c r="P145" s="69">
        <v>187</v>
      </c>
      <c r="Q145" s="70">
        <v>64.676548701407953</v>
      </c>
      <c r="R145" s="71">
        <v>3.9316194085626055</v>
      </c>
      <c r="S145" s="274">
        <v>0.34954142816408207</v>
      </c>
      <c r="T145" s="275">
        <v>6.9145944587462704E-2</v>
      </c>
      <c r="U145" s="274">
        <v>0.32102642367758477</v>
      </c>
      <c r="V145" s="275">
        <v>6.7768630972098967E-2</v>
      </c>
    </row>
    <row r="146" spans="1:45" s="5" customFormat="1"/>
    <row r="148" spans="1:45" customFormat="1" ht="18.75">
      <c r="A148" s="335" t="s">
        <v>248</v>
      </c>
      <c r="B148" s="335"/>
      <c r="C148" s="335"/>
      <c r="D148" s="335"/>
      <c r="E148" s="335"/>
      <c r="F148" s="335"/>
      <c r="G148" s="335"/>
      <c r="H148" s="335"/>
      <c r="I148" s="335"/>
      <c r="J148" s="335"/>
      <c r="K148" s="335"/>
      <c r="L148" s="224"/>
      <c r="M148" s="224"/>
      <c r="N148" s="224"/>
      <c r="O148" s="224"/>
      <c r="P148" s="242"/>
      <c r="Q148" s="242"/>
      <c r="R148" s="242"/>
      <c r="S148" s="242"/>
    </row>
    <row r="149" spans="1:45" customFormat="1" ht="69.75" customHeight="1">
      <c r="A149" s="336" t="s">
        <v>580</v>
      </c>
      <c r="B149" s="336"/>
      <c r="C149" s="336"/>
      <c r="D149" s="336"/>
      <c r="E149" s="336"/>
      <c r="F149" s="336"/>
      <c r="G149" s="336"/>
      <c r="H149" s="336"/>
      <c r="I149" s="336"/>
      <c r="J149" s="336"/>
      <c r="K149" s="336"/>
      <c r="L149" s="249"/>
      <c r="M149" s="249"/>
      <c r="N149" s="249"/>
      <c r="O149" s="249"/>
      <c r="P149" s="242"/>
      <c r="Q149" s="242"/>
      <c r="R149" s="242"/>
      <c r="S149" s="242"/>
    </row>
    <row r="150" spans="1:45" customFormat="1" ht="49.5" customHeight="1">
      <c r="A150" s="340" t="s">
        <v>249</v>
      </c>
      <c r="B150" s="341"/>
      <c r="C150" s="341"/>
      <c r="D150" s="342"/>
      <c r="E150" s="340" t="s">
        <v>325</v>
      </c>
      <c r="F150" s="341"/>
      <c r="G150" s="341"/>
      <c r="H150" s="341"/>
      <c r="I150" s="341"/>
      <c r="J150" s="341"/>
      <c r="K150" s="342"/>
      <c r="L150" s="289"/>
      <c r="M150" s="289"/>
      <c r="N150" s="289"/>
      <c r="O150" s="289"/>
      <c r="P150" s="289"/>
      <c r="Q150" s="289"/>
      <c r="R150" s="289"/>
      <c r="S150" s="289"/>
      <c r="T150" s="289"/>
      <c r="U150" s="289"/>
      <c r="V150" s="289"/>
      <c r="W150" s="289"/>
      <c r="X150" s="289"/>
      <c r="Y150" s="289"/>
      <c r="Z150" s="289"/>
      <c r="AA150" s="289"/>
      <c r="AB150" s="289"/>
      <c r="AC150" s="289"/>
      <c r="AD150" s="289"/>
      <c r="AE150" s="289"/>
      <c r="AF150" s="289"/>
      <c r="AG150" s="289"/>
      <c r="AH150" s="289"/>
      <c r="AI150" s="289"/>
      <c r="AJ150" s="289"/>
      <c r="AK150" s="289"/>
      <c r="AL150" s="289"/>
      <c r="AM150" s="289"/>
      <c r="AN150" s="289"/>
      <c r="AO150" s="289"/>
      <c r="AP150" s="289"/>
      <c r="AQ150" s="289"/>
      <c r="AR150" s="289"/>
      <c r="AS150" s="289"/>
    </row>
    <row r="151" spans="1:45" customFormat="1" ht="72">
      <c r="A151" s="32" t="s">
        <v>71</v>
      </c>
      <c r="B151" s="33" t="s">
        <v>72</v>
      </c>
      <c r="C151" s="34" t="s">
        <v>588</v>
      </c>
      <c r="D151" s="35" t="s">
        <v>73</v>
      </c>
      <c r="E151" s="60" t="s">
        <v>72</v>
      </c>
      <c r="F151" s="60" t="s">
        <v>280</v>
      </c>
      <c r="G151" s="83" t="s">
        <v>283</v>
      </c>
      <c r="H151" s="60" t="s">
        <v>281</v>
      </c>
      <c r="I151" s="83" t="s">
        <v>284</v>
      </c>
      <c r="J151" s="60" t="s">
        <v>282</v>
      </c>
      <c r="K151" s="83" t="s">
        <v>285</v>
      </c>
    </row>
    <row r="152" spans="1:45" customFormat="1" ht="60">
      <c r="A152" s="36"/>
      <c r="B152" s="37" t="s">
        <v>74</v>
      </c>
      <c r="C152" s="38" t="s">
        <v>358</v>
      </c>
      <c r="D152" s="39" t="s">
        <v>76</v>
      </c>
      <c r="E152" s="63" t="s">
        <v>74</v>
      </c>
      <c r="F152" s="63" t="s">
        <v>456</v>
      </c>
      <c r="G152" s="85" t="s">
        <v>88</v>
      </c>
      <c r="H152" s="63" t="s">
        <v>457</v>
      </c>
      <c r="I152" s="85" t="s">
        <v>88</v>
      </c>
      <c r="J152" s="63" t="s">
        <v>458</v>
      </c>
      <c r="K152" s="85" t="s">
        <v>88</v>
      </c>
    </row>
    <row r="153" spans="1:45" customFormat="1">
      <c r="A153" s="40" t="s">
        <v>350</v>
      </c>
      <c r="B153" s="146">
        <v>6468</v>
      </c>
      <c r="C153" s="79">
        <v>6.800068182731672</v>
      </c>
      <c r="D153" s="80">
        <v>5.681447164843071E-2</v>
      </c>
      <c r="E153" s="78">
        <v>6468</v>
      </c>
      <c r="F153" s="93">
        <v>0.36827973299306516</v>
      </c>
      <c r="G153" s="89">
        <v>1.1991736213723708E-2</v>
      </c>
      <c r="H153" s="93">
        <v>0.27035640952930895</v>
      </c>
      <c r="I153" s="89">
        <v>1.1043486020605384E-2</v>
      </c>
      <c r="J153" s="93">
        <v>0.36136385747762279</v>
      </c>
      <c r="K153" s="89">
        <v>1.1943515867995757E-2</v>
      </c>
    </row>
    <row r="154" spans="1:45" customFormat="1">
      <c r="A154" s="44" t="s">
        <v>351</v>
      </c>
      <c r="B154" s="44">
        <v>5924</v>
      </c>
      <c r="C154" s="148">
        <v>6.7993681235548804</v>
      </c>
      <c r="D154" s="149">
        <v>5.9403315274579149E-2</v>
      </c>
      <c r="E154" s="120">
        <v>5924</v>
      </c>
      <c r="F154" s="144">
        <v>0.36765683379411906</v>
      </c>
      <c r="G154" s="92">
        <v>1.252551821664807E-2</v>
      </c>
      <c r="H154" s="145">
        <v>0.27224640288971447</v>
      </c>
      <c r="I154" s="92">
        <v>1.1564472727911175E-2</v>
      </c>
      <c r="J154" s="145">
        <v>0.36009676331617407</v>
      </c>
      <c r="K154" s="92">
        <v>1.2470031271905732E-2</v>
      </c>
    </row>
    <row r="155" spans="1:45" customFormat="1">
      <c r="A155" s="40" t="s">
        <v>352</v>
      </c>
      <c r="B155" s="48">
        <v>544</v>
      </c>
      <c r="C155" s="79">
        <v>6.8023257744976577</v>
      </c>
      <c r="D155" s="80">
        <v>0.19457927431811514</v>
      </c>
      <c r="E155" s="78">
        <v>544</v>
      </c>
      <c r="F155" s="93">
        <v>0.37028849475106418</v>
      </c>
      <c r="G155" s="89">
        <v>4.1277028349586686E-2</v>
      </c>
      <c r="H155" s="93">
        <v>0.26426144843183563</v>
      </c>
      <c r="I155" s="89">
        <v>3.7750202223659338E-2</v>
      </c>
      <c r="J155" s="93">
        <v>0.3654500568170983</v>
      </c>
      <c r="K155" s="89">
        <v>4.1165469517478494E-2</v>
      </c>
    </row>
    <row r="156" spans="1:45" customFormat="1">
      <c r="A156" s="44" t="s">
        <v>534</v>
      </c>
      <c r="B156" s="44">
        <v>713</v>
      </c>
      <c r="C156" s="148">
        <v>6.5013148884220078</v>
      </c>
      <c r="D156" s="149">
        <v>0.18383039547185412</v>
      </c>
      <c r="E156" s="120">
        <v>713</v>
      </c>
      <c r="F156" s="144">
        <v>0.41345898964275174</v>
      </c>
      <c r="G156" s="92">
        <v>3.6788360263966743E-2</v>
      </c>
      <c r="H156" s="145">
        <v>0.26128818539945498</v>
      </c>
      <c r="I156" s="92">
        <v>3.2868504621976248E-2</v>
      </c>
      <c r="J156" s="145">
        <v>0.32525282495779378</v>
      </c>
      <c r="K156" s="92">
        <v>3.5017683466622769E-2</v>
      </c>
    </row>
    <row r="157" spans="1:45" customFormat="1">
      <c r="A157" s="40" t="s">
        <v>535</v>
      </c>
      <c r="B157" s="48">
        <v>681</v>
      </c>
      <c r="C157" s="79">
        <v>6.4825993936133752</v>
      </c>
      <c r="D157" s="80">
        <v>0.18761735289959064</v>
      </c>
      <c r="E157" s="78">
        <v>681</v>
      </c>
      <c r="F157" s="93">
        <v>0.41690660681576497</v>
      </c>
      <c r="G157" s="89">
        <v>3.7682956259662677E-2</v>
      </c>
      <c r="H157" s="93">
        <v>0.2639326184231528</v>
      </c>
      <c r="I157" s="89">
        <v>3.3737598582461885E-2</v>
      </c>
      <c r="J157" s="93">
        <v>0.31916077476108234</v>
      </c>
      <c r="K157" s="89">
        <v>3.5652662622771836E-2</v>
      </c>
    </row>
    <row r="158" spans="1:45" customFormat="1">
      <c r="A158" s="44" t="s">
        <v>546</v>
      </c>
      <c r="B158" s="44">
        <v>33</v>
      </c>
      <c r="C158" s="148">
        <v>6.6090091376638833</v>
      </c>
      <c r="D158" s="149">
        <v>0.94078168919024008</v>
      </c>
      <c r="E158" s="120">
        <v>33</v>
      </c>
      <c r="F158" s="144">
        <v>0.38441065618997433</v>
      </c>
      <c r="G158" s="92">
        <v>0.1608665024564159</v>
      </c>
      <c r="H158" s="145">
        <v>0.21746582098188244</v>
      </c>
      <c r="I158" s="92">
        <v>0.14199393531045165</v>
      </c>
      <c r="J158" s="145">
        <v>0.3981235228281429</v>
      </c>
      <c r="K158" s="92">
        <v>0.16166162554421573</v>
      </c>
    </row>
    <row r="159" spans="1:45" customFormat="1">
      <c r="A159" s="40" t="s">
        <v>536</v>
      </c>
      <c r="B159" s="48">
        <v>174</v>
      </c>
      <c r="C159" s="79">
        <v>6.2716780073549012</v>
      </c>
      <c r="D159" s="80">
        <v>0.38850877220083258</v>
      </c>
      <c r="E159" s="78">
        <v>174</v>
      </c>
      <c r="F159" s="93">
        <v>0.46000337231126531</v>
      </c>
      <c r="G159" s="89">
        <v>7.4723664695919734E-2</v>
      </c>
      <c r="H159" s="93">
        <v>0.21828865825416513</v>
      </c>
      <c r="I159" s="89">
        <v>6.2560611983256798E-2</v>
      </c>
      <c r="J159" s="93">
        <v>0.32170796943456942</v>
      </c>
      <c r="K159" s="89">
        <v>7.0252286238275036E-2</v>
      </c>
    </row>
    <row r="160" spans="1:45" customFormat="1">
      <c r="A160" s="44" t="s">
        <v>537</v>
      </c>
      <c r="B160" s="44">
        <v>46</v>
      </c>
      <c r="C160" s="148">
        <v>6.5236799421605385</v>
      </c>
      <c r="D160" s="149">
        <v>0.72379992539587945</v>
      </c>
      <c r="E160" s="120">
        <v>46</v>
      </c>
      <c r="F160" s="144">
        <v>0.44330168561172706</v>
      </c>
      <c r="G160" s="92">
        <v>0.14064965805563137</v>
      </c>
      <c r="H160" s="145">
        <v>0.27434880946181361</v>
      </c>
      <c r="I160" s="92">
        <v>0.12865538951249353</v>
      </c>
      <c r="J160" s="145">
        <v>0.28234950492645911</v>
      </c>
      <c r="K160" s="92">
        <v>0.12958535749132366</v>
      </c>
    </row>
    <row r="161" spans="1:11" customFormat="1">
      <c r="A161" s="40" t="s">
        <v>538</v>
      </c>
      <c r="B161" s="48">
        <v>55</v>
      </c>
      <c r="C161" s="79">
        <v>6.7601509148064451</v>
      </c>
      <c r="D161" s="80">
        <v>0.63990876641154115</v>
      </c>
      <c r="E161" s="78">
        <v>55</v>
      </c>
      <c r="F161" s="93">
        <v>0.41068015820406406</v>
      </c>
      <c r="G161" s="89">
        <v>0.12837103615533241</v>
      </c>
      <c r="H161" s="93">
        <v>0.17186664886375783</v>
      </c>
      <c r="I161" s="89">
        <v>0.10298366815449538</v>
      </c>
      <c r="J161" s="93">
        <v>0.41745319293217792</v>
      </c>
      <c r="K161" s="89">
        <v>0.12863787930477658</v>
      </c>
    </row>
    <row r="162" spans="1:11" customFormat="1">
      <c r="A162" s="44" t="s">
        <v>539</v>
      </c>
      <c r="B162" s="44">
        <v>59</v>
      </c>
      <c r="C162" s="148">
        <v>5.6561389502205275</v>
      </c>
      <c r="D162" s="149">
        <v>0.74692497851460482</v>
      </c>
      <c r="E162" s="120">
        <v>59</v>
      </c>
      <c r="F162" s="144">
        <v>0.544422173328864</v>
      </c>
      <c r="G162" s="92">
        <v>0.12555130414561813</v>
      </c>
      <c r="H162" s="145">
        <v>0.18316258951220432</v>
      </c>
      <c r="I162" s="92">
        <v>0.10140498620016335</v>
      </c>
      <c r="J162" s="145">
        <v>0.27241523715893212</v>
      </c>
      <c r="K162" s="92">
        <v>0.11396838848493317</v>
      </c>
    </row>
    <row r="163" spans="1:11" customFormat="1">
      <c r="A163" s="40" t="s">
        <v>540</v>
      </c>
      <c r="B163" s="146">
        <v>59</v>
      </c>
      <c r="C163" s="79">
        <v>6.9019416354863194</v>
      </c>
      <c r="D163" s="80">
        <v>0.5693354332915308</v>
      </c>
      <c r="E163" s="78">
        <v>59</v>
      </c>
      <c r="F163" s="93">
        <v>0.31684601457943923</v>
      </c>
      <c r="G163" s="89">
        <v>0.118342821661524</v>
      </c>
      <c r="H163" s="93">
        <v>0.31853026104462256</v>
      </c>
      <c r="I163" s="89">
        <v>0.11848721798839881</v>
      </c>
      <c r="J163" s="93">
        <v>0.36462372437593837</v>
      </c>
      <c r="K163" s="89">
        <v>0.12187075877770903</v>
      </c>
    </row>
    <row r="164" spans="1:11" customFormat="1">
      <c r="A164" s="44" t="s">
        <v>541</v>
      </c>
      <c r="B164" s="147">
        <v>60</v>
      </c>
      <c r="C164" s="148">
        <v>6.5182415842444339</v>
      </c>
      <c r="D164" s="149">
        <v>0.62397341611783574</v>
      </c>
      <c r="E164" s="120">
        <v>60</v>
      </c>
      <c r="F164" s="144">
        <v>0.3829977312385055</v>
      </c>
      <c r="G164" s="92">
        <v>0.12195495729379972</v>
      </c>
      <c r="H164" s="145">
        <v>0.31953941481737203</v>
      </c>
      <c r="I164" s="92">
        <v>0.11762693117955615</v>
      </c>
      <c r="J164" s="145">
        <v>0.29746285394412214</v>
      </c>
      <c r="K164" s="92">
        <v>0.11563577705813624</v>
      </c>
    </row>
    <row r="165" spans="1:11" customFormat="1">
      <c r="A165" s="40" t="s">
        <v>542</v>
      </c>
      <c r="B165" s="78">
        <v>97</v>
      </c>
      <c r="C165" s="79">
        <v>6.2687412648411689</v>
      </c>
      <c r="D165" s="80">
        <v>0.45558198453775256</v>
      </c>
      <c r="E165" s="78">
        <v>97</v>
      </c>
      <c r="F165" s="93">
        <v>0.46249882743573217</v>
      </c>
      <c r="G165" s="89">
        <v>9.924524067332019E-2</v>
      </c>
      <c r="H165" s="93">
        <v>0.31188086332227344</v>
      </c>
      <c r="I165" s="89">
        <v>9.2780750398905446E-2</v>
      </c>
      <c r="J165" s="93">
        <v>0.22562030924199469</v>
      </c>
      <c r="K165" s="89">
        <v>8.4563131283580673E-2</v>
      </c>
    </row>
    <row r="166" spans="1:11" customFormat="1">
      <c r="A166" s="44" t="s">
        <v>547</v>
      </c>
      <c r="B166" s="147">
        <v>40</v>
      </c>
      <c r="C166" s="148">
        <v>6.0419573416045491</v>
      </c>
      <c r="D166" s="149">
        <v>0.75937502418135083</v>
      </c>
      <c r="E166" s="120">
        <v>40</v>
      </c>
      <c r="F166" s="144">
        <v>0.46792067216501587</v>
      </c>
      <c r="G166" s="92">
        <v>0.15049902384313063</v>
      </c>
      <c r="H166" s="145">
        <v>0.32063022289810372</v>
      </c>
      <c r="I166" s="92">
        <v>0.14251325826057828</v>
      </c>
      <c r="J166" s="145">
        <v>0.21144910493688013</v>
      </c>
      <c r="K166" s="92">
        <v>0.12834213670484401</v>
      </c>
    </row>
    <row r="167" spans="1:11" customFormat="1">
      <c r="A167" s="52" t="s">
        <v>548</v>
      </c>
      <c r="B167" s="146">
        <v>37</v>
      </c>
      <c r="C167" s="79">
        <v>6.5228656944134604</v>
      </c>
      <c r="D167" s="80">
        <v>0.89814260025937465</v>
      </c>
      <c r="E167" s="78">
        <v>37</v>
      </c>
      <c r="F167" s="93">
        <v>0.42122197537229972</v>
      </c>
      <c r="G167" s="89">
        <v>0.15458705837518272</v>
      </c>
      <c r="H167" s="93">
        <v>0.2495314590401625</v>
      </c>
      <c r="I167" s="89">
        <v>0.13930463903531054</v>
      </c>
      <c r="J167" s="93">
        <v>0.32924656558753795</v>
      </c>
      <c r="K167" s="89">
        <v>0.14857202104294343</v>
      </c>
    </row>
    <row r="168" spans="1:11" customFormat="1">
      <c r="A168" s="44" t="s">
        <v>549</v>
      </c>
      <c r="B168" s="147">
        <v>33</v>
      </c>
      <c r="C168" s="148">
        <v>6.669980481706836</v>
      </c>
      <c r="D168" s="149">
        <v>0.76033973230361884</v>
      </c>
      <c r="E168" s="120">
        <v>33</v>
      </c>
      <c r="F168" s="144">
        <v>0.44612214008834461</v>
      </c>
      <c r="G168" s="92">
        <v>0.16363799447521796</v>
      </c>
      <c r="H168" s="145">
        <v>0.18341305023732402</v>
      </c>
      <c r="I168" s="92">
        <v>0.13567531883472952</v>
      </c>
      <c r="J168" s="145">
        <v>0.37046480967433121</v>
      </c>
      <c r="K168" s="92">
        <v>0.15995016077034357</v>
      </c>
    </row>
    <row r="169" spans="1:11" customFormat="1">
      <c r="A169" s="52" t="s">
        <v>550</v>
      </c>
      <c r="B169" s="146">
        <v>20</v>
      </c>
      <c r="C169" s="79">
        <v>6.0661439111106086</v>
      </c>
      <c r="D169" s="80">
        <v>1.3168567573195822</v>
      </c>
      <c r="E169" s="78">
        <v>20</v>
      </c>
      <c r="F169" s="93">
        <v>0.45308510202194663</v>
      </c>
      <c r="G169" s="89">
        <v>0.20349919019645865</v>
      </c>
      <c r="H169" s="93">
        <v>0.18986599788422356</v>
      </c>
      <c r="I169" s="89">
        <v>0.17474084671480741</v>
      </c>
      <c r="J169" s="93">
        <v>0.35704890009382972</v>
      </c>
      <c r="K169" s="89">
        <v>0.19824606595380215</v>
      </c>
    </row>
    <row r="170" spans="1:11" customFormat="1">
      <c r="A170" s="44" t="s">
        <v>551</v>
      </c>
      <c r="B170" s="147">
        <v>14</v>
      </c>
      <c r="C170" s="148">
        <v>6.9311887498188041</v>
      </c>
      <c r="D170" s="149">
        <v>1.1040314624527101</v>
      </c>
      <c r="E170" s="120">
        <v>14</v>
      </c>
      <c r="F170" s="144">
        <v>0.29629482060964279</v>
      </c>
      <c r="G170" s="92">
        <v>0.22355591018421409</v>
      </c>
      <c r="H170" s="145">
        <v>0.29305254462106561</v>
      </c>
      <c r="I170" s="92">
        <v>0.22315523139148116</v>
      </c>
      <c r="J170" s="145">
        <v>0.4106526347692917</v>
      </c>
      <c r="K170" s="92">
        <v>0.23341465583435869</v>
      </c>
    </row>
    <row r="171" spans="1:11" customFormat="1">
      <c r="A171" s="52" t="s">
        <v>543</v>
      </c>
      <c r="B171" s="146">
        <v>87</v>
      </c>
      <c r="C171" s="79">
        <v>6.935370061666676</v>
      </c>
      <c r="D171" s="80">
        <v>0.45761917980112621</v>
      </c>
      <c r="E171" s="78">
        <v>87</v>
      </c>
      <c r="F171" s="93">
        <v>0.32907405280715324</v>
      </c>
      <c r="G171" s="89">
        <v>9.9071798440629161E-2</v>
      </c>
      <c r="H171" s="93">
        <v>0.32351545391599346</v>
      </c>
      <c r="I171" s="89">
        <v>9.8679457763849968E-2</v>
      </c>
      <c r="J171" s="93">
        <v>0.34741049327685319</v>
      </c>
      <c r="K171" s="89">
        <v>0.10026741423905312</v>
      </c>
    </row>
    <row r="172" spans="1:11" customFormat="1">
      <c r="A172" s="44" t="s">
        <v>544</v>
      </c>
      <c r="B172" s="147">
        <v>38</v>
      </c>
      <c r="C172" s="148">
        <v>7.5634815328040688</v>
      </c>
      <c r="D172" s="149">
        <v>0.66014566221587323</v>
      </c>
      <c r="E172" s="120">
        <v>38</v>
      </c>
      <c r="F172" s="144">
        <v>0.17621083178897723</v>
      </c>
      <c r="G172" s="92">
        <v>0.1250443976113732</v>
      </c>
      <c r="H172" s="145">
        <v>0.38080600814873572</v>
      </c>
      <c r="I172" s="92">
        <v>0.15067153285761517</v>
      </c>
      <c r="J172" s="145">
        <v>0.44298316006228694</v>
      </c>
      <c r="K172" s="92">
        <v>0.15347989352558364</v>
      </c>
    </row>
    <row r="173" spans="1:11" customFormat="1">
      <c r="A173" s="52" t="s">
        <v>552</v>
      </c>
      <c r="B173" s="146">
        <v>49</v>
      </c>
      <c r="C173" s="79">
        <v>6.4381928930422134</v>
      </c>
      <c r="D173" s="80">
        <v>0.61343900055947476</v>
      </c>
      <c r="E173" s="78">
        <v>49</v>
      </c>
      <c r="F173" s="93">
        <v>0.45007184842933762</v>
      </c>
      <c r="G173" s="89">
        <v>0.13677395079091617</v>
      </c>
      <c r="H173" s="93">
        <v>0.2781675230928507</v>
      </c>
      <c r="I173" s="89">
        <v>0.1252734146453974</v>
      </c>
      <c r="J173" s="93">
        <v>0.27176062847781146</v>
      </c>
      <c r="K173" s="89">
        <v>0.12452875509140725</v>
      </c>
    </row>
    <row r="174" spans="1:11" customFormat="1">
      <c r="A174" s="44" t="s">
        <v>545</v>
      </c>
      <c r="B174" s="147">
        <v>99</v>
      </c>
      <c r="C174" s="148">
        <v>6.1089308454797759</v>
      </c>
      <c r="D174" s="149">
        <v>0.54884073420846591</v>
      </c>
      <c r="E174" s="120">
        <v>99</v>
      </c>
      <c r="F174" s="144">
        <v>0.50782046585853768</v>
      </c>
      <c r="G174" s="92">
        <v>9.8521792639749264E-2</v>
      </c>
      <c r="H174" s="145">
        <v>0.15820391024100008</v>
      </c>
      <c r="I174" s="92">
        <v>7.4279189006429866E-2</v>
      </c>
      <c r="J174" s="145">
        <v>0.33397562390046098</v>
      </c>
      <c r="K174" s="92">
        <v>9.3379949641151691E-2</v>
      </c>
    </row>
    <row r="175" spans="1:11" s="238" customFormat="1">
      <c r="A175" s="231"/>
      <c r="B175" s="232"/>
      <c r="C175" s="233"/>
      <c r="D175" s="234"/>
      <c r="E175" s="235"/>
      <c r="F175" s="236"/>
      <c r="G175" s="237"/>
      <c r="H175" s="236"/>
      <c r="I175" s="237"/>
    </row>
    <row r="176" spans="1:11" s="238" customFormat="1">
      <c r="A176" s="231"/>
      <c r="B176" s="232"/>
      <c r="C176" s="233"/>
      <c r="D176" s="234"/>
      <c r="E176" s="235"/>
      <c r="F176" s="236"/>
      <c r="G176" s="237"/>
      <c r="H176" s="236"/>
      <c r="I176" s="237"/>
    </row>
    <row r="177" spans="1:22" customFormat="1" ht="18.75">
      <c r="A177" s="337" t="s">
        <v>250</v>
      </c>
      <c r="B177" s="337"/>
      <c r="C177" s="337"/>
      <c r="D177" s="337"/>
      <c r="E177" s="337"/>
      <c r="F177" s="337"/>
      <c r="G177" s="337"/>
      <c r="H177" s="337"/>
      <c r="I177" s="337"/>
      <c r="J177" s="337"/>
      <c r="K177" s="337"/>
      <c r="L177" s="337"/>
      <c r="M177" s="337"/>
      <c r="N177" s="337"/>
      <c r="O177" s="337"/>
      <c r="P177" s="337"/>
      <c r="Q177" s="337"/>
      <c r="R177" s="337"/>
      <c r="S177" s="337"/>
      <c r="T177" s="337"/>
      <c r="U177" s="337"/>
      <c r="V177" s="337"/>
    </row>
    <row r="178" spans="1:22" customFormat="1" ht="80.25" customHeight="1">
      <c r="A178" s="338" t="s">
        <v>581</v>
      </c>
      <c r="B178" s="338"/>
      <c r="C178" s="338"/>
      <c r="D178" s="338"/>
      <c r="E178" s="338"/>
      <c r="F178" s="338"/>
      <c r="G178" s="338"/>
      <c r="H178" s="338"/>
      <c r="I178" s="338"/>
      <c r="J178" s="338"/>
      <c r="K178" s="338"/>
      <c r="L178" s="338"/>
      <c r="M178" s="338"/>
      <c r="N178" s="338"/>
      <c r="O178" s="338"/>
      <c r="P178" s="338"/>
      <c r="Q178" s="338"/>
      <c r="R178" s="338"/>
      <c r="S178" s="338"/>
      <c r="T178" s="338"/>
      <c r="U178" s="338"/>
      <c r="V178" s="338"/>
    </row>
    <row r="179" spans="1:22" customFormat="1" ht="15.75">
      <c r="A179" s="294"/>
      <c r="B179" s="339" t="s">
        <v>286</v>
      </c>
      <c r="C179" s="339"/>
      <c r="D179" s="339"/>
      <c r="E179" s="339"/>
      <c r="F179" s="339"/>
      <c r="G179" s="339"/>
      <c r="H179" s="339"/>
      <c r="I179" s="339" t="s">
        <v>287</v>
      </c>
      <c r="J179" s="339"/>
      <c r="K179" s="339"/>
      <c r="L179" s="339"/>
      <c r="M179" s="339"/>
      <c r="N179" s="339"/>
      <c r="O179" s="339"/>
      <c r="P179" s="339" t="s">
        <v>288</v>
      </c>
      <c r="Q179" s="339"/>
      <c r="R179" s="339"/>
      <c r="S179" s="339"/>
      <c r="T179" s="339"/>
      <c r="U179" s="339"/>
      <c r="V179" s="339"/>
    </row>
    <row r="180" spans="1:22" customFormat="1" ht="72">
      <c r="A180" s="32" t="s">
        <v>71</v>
      </c>
      <c r="B180" s="33" t="s">
        <v>72</v>
      </c>
      <c r="C180" s="33" t="s">
        <v>251</v>
      </c>
      <c r="D180" s="84" t="s">
        <v>254</v>
      </c>
      <c r="E180" s="33" t="s">
        <v>253</v>
      </c>
      <c r="F180" s="84" t="s">
        <v>255</v>
      </c>
      <c r="G180" s="33" t="s">
        <v>252</v>
      </c>
      <c r="H180" s="84" t="s">
        <v>256</v>
      </c>
      <c r="I180" s="60" t="s">
        <v>72</v>
      </c>
      <c r="J180" s="60" t="s">
        <v>257</v>
      </c>
      <c r="K180" s="83" t="s">
        <v>258</v>
      </c>
      <c r="L180" s="60" t="s">
        <v>259</v>
      </c>
      <c r="M180" s="83" t="s">
        <v>260</v>
      </c>
      <c r="N180" s="60" t="s">
        <v>261</v>
      </c>
      <c r="O180" s="83" t="s">
        <v>262</v>
      </c>
      <c r="P180" s="33" t="s">
        <v>72</v>
      </c>
      <c r="Q180" s="33" t="s">
        <v>263</v>
      </c>
      <c r="R180" s="84" t="s">
        <v>264</v>
      </c>
      <c r="S180" s="33" t="s">
        <v>265</v>
      </c>
      <c r="T180" s="84" t="s">
        <v>266</v>
      </c>
      <c r="U180" s="33" t="s">
        <v>267</v>
      </c>
      <c r="V180" s="84" t="s">
        <v>268</v>
      </c>
    </row>
    <row r="181" spans="1:22" customFormat="1" ht="60">
      <c r="A181" s="36"/>
      <c r="B181" s="37" t="s">
        <v>74</v>
      </c>
      <c r="C181" s="37" t="s">
        <v>456</v>
      </c>
      <c r="D181" s="86" t="s">
        <v>88</v>
      </c>
      <c r="E181" s="37" t="s">
        <v>457</v>
      </c>
      <c r="F181" s="86" t="s">
        <v>88</v>
      </c>
      <c r="G181" s="37" t="s">
        <v>458</v>
      </c>
      <c r="H181" s="86" t="s">
        <v>88</v>
      </c>
      <c r="I181" s="63" t="s">
        <v>74</v>
      </c>
      <c r="J181" s="63" t="s">
        <v>456</v>
      </c>
      <c r="K181" s="85" t="s">
        <v>88</v>
      </c>
      <c r="L181" s="63" t="s">
        <v>457</v>
      </c>
      <c r="M181" s="85" t="s">
        <v>88</v>
      </c>
      <c r="N181" s="63" t="s">
        <v>458</v>
      </c>
      <c r="O181" s="85" t="s">
        <v>88</v>
      </c>
      <c r="P181" s="37" t="s">
        <v>74</v>
      </c>
      <c r="Q181" s="37" t="s">
        <v>456</v>
      </c>
      <c r="R181" s="86" t="s">
        <v>88</v>
      </c>
      <c r="S181" s="37" t="s">
        <v>457</v>
      </c>
      <c r="T181" s="86" t="s">
        <v>88</v>
      </c>
      <c r="U181" s="37" t="s">
        <v>458</v>
      </c>
      <c r="V181" s="86" t="s">
        <v>88</v>
      </c>
    </row>
    <row r="182" spans="1:22" customFormat="1">
      <c r="A182" s="40" t="s">
        <v>350</v>
      </c>
      <c r="B182" s="78">
        <v>6503</v>
      </c>
      <c r="C182" s="93">
        <v>0.3578131136007402</v>
      </c>
      <c r="D182" s="89">
        <v>1.1885622044660829E-2</v>
      </c>
      <c r="E182" s="93">
        <v>0.36015068119094584</v>
      </c>
      <c r="F182" s="89">
        <v>1.1902637808332206E-2</v>
      </c>
      <c r="G182" s="93">
        <v>0.28203620520831146</v>
      </c>
      <c r="H182" s="89">
        <v>1.1158502205965213E-2</v>
      </c>
      <c r="I182" s="78">
        <v>6432</v>
      </c>
      <c r="J182" s="93">
        <v>0.7641493206723452</v>
      </c>
      <c r="K182" s="89">
        <v>1.0586053895400674E-2</v>
      </c>
      <c r="L182" s="93">
        <v>0.16459306922831163</v>
      </c>
      <c r="M182" s="89">
        <v>9.2490566270787677E-3</v>
      </c>
      <c r="N182" s="93">
        <v>7.1257610099335469E-2</v>
      </c>
      <c r="O182" s="89">
        <v>6.4244126283592648E-3</v>
      </c>
      <c r="P182" s="78">
        <v>6443</v>
      </c>
      <c r="Q182" s="93">
        <v>0.86899939414504301</v>
      </c>
      <c r="R182" s="89">
        <v>8.4104551550967434E-3</v>
      </c>
      <c r="S182" s="93">
        <v>8.4255579390456817E-2</v>
      </c>
      <c r="T182" s="89">
        <v>6.9285161849068598E-3</v>
      </c>
      <c r="U182" s="93">
        <v>4.6745026464494438E-2</v>
      </c>
      <c r="V182" s="89">
        <v>5.2730487261278686E-3</v>
      </c>
    </row>
    <row r="183" spans="1:22" customFormat="1">
      <c r="A183" s="44" t="s">
        <v>351</v>
      </c>
      <c r="B183" s="152">
        <v>5959</v>
      </c>
      <c r="C183" s="156">
        <v>0.36301915716143268</v>
      </c>
      <c r="D183" s="92">
        <v>1.245515622281324E-2</v>
      </c>
      <c r="E183" s="156">
        <v>0.35211328834267452</v>
      </c>
      <c r="F183" s="92">
        <v>1.2371326041896037E-2</v>
      </c>
      <c r="G183" s="156">
        <v>0.2848675544958999</v>
      </c>
      <c r="H183" s="92">
        <v>1.1691721960768727E-2</v>
      </c>
      <c r="I183" s="152">
        <v>5891</v>
      </c>
      <c r="J183" s="156">
        <v>0.75784562269809086</v>
      </c>
      <c r="K183" s="92">
        <v>1.1161725130409915E-2</v>
      </c>
      <c r="L183" s="156">
        <v>0.16861212839374917</v>
      </c>
      <c r="M183" s="92">
        <v>9.7580939178185232E-3</v>
      </c>
      <c r="N183" s="156">
        <v>7.3542248908162397E-2</v>
      </c>
      <c r="O183" s="92">
        <v>6.8116803447185598E-3</v>
      </c>
      <c r="P183" s="152">
        <v>5900</v>
      </c>
      <c r="Q183" s="156">
        <v>0.86603586133162525</v>
      </c>
      <c r="R183" s="92">
        <v>8.87275428612261E-3</v>
      </c>
      <c r="S183" s="156">
        <v>8.4560147297164101E-2</v>
      </c>
      <c r="T183" s="92">
        <v>7.252861864868951E-3</v>
      </c>
      <c r="U183" s="156">
        <v>4.9403991371211937E-2</v>
      </c>
      <c r="V183" s="92">
        <v>5.6572291914456481E-3</v>
      </c>
    </row>
    <row r="184" spans="1:22" customFormat="1">
      <c r="A184" s="40" t="s">
        <v>352</v>
      </c>
      <c r="B184" s="78">
        <v>544</v>
      </c>
      <c r="C184" s="93">
        <v>0.34092582225704426</v>
      </c>
      <c r="D184" s="89">
        <v>4.0531457360053626E-2</v>
      </c>
      <c r="E184" s="93">
        <v>0.38622226378342661</v>
      </c>
      <c r="F184" s="89">
        <v>4.1613701471487928E-2</v>
      </c>
      <c r="G184" s="93">
        <v>0.27285191395952757</v>
      </c>
      <c r="H184" s="89">
        <v>3.8127162182492569E-2</v>
      </c>
      <c r="I184" s="78">
        <v>541</v>
      </c>
      <c r="J184" s="93">
        <v>0.78443943074302636</v>
      </c>
      <c r="K184" s="89">
        <v>3.5351701874865166E-2</v>
      </c>
      <c r="L184" s="93">
        <v>0.15165667012096176</v>
      </c>
      <c r="M184" s="89">
        <v>3.0940199300461931E-2</v>
      </c>
      <c r="N184" s="93">
        <v>6.3903899136010911E-2</v>
      </c>
      <c r="O184" s="89">
        <v>2.1435044019019314E-2</v>
      </c>
      <c r="P184" s="78">
        <v>543</v>
      </c>
      <c r="Q184" s="93">
        <v>0.87850619510786099</v>
      </c>
      <c r="R184" s="89">
        <v>2.8209287162697199E-2</v>
      </c>
      <c r="S184" s="93">
        <v>8.3278547364490668E-2</v>
      </c>
      <c r="T184" s="89">
        <v>2.4016099820241124E-2</v>
      </c>
      <c r="U184" s="93">
        <v>3.8215257527648129E-2</v>
      </c>
      <c r="V184" s="89">
        <v>1.7073281670986422E-2</v>
      </c>
    </row>
    <row r="185" spans="1:22" customFormat="1">
      <c r="A185" s="44" t="s">
        <v>534</v>
      </c>
      <c r="B185" s="152">
        <v>718</v>
      </c>
      <c r="C185" s="156">
        <v>0.39463711323040068</v>
      </c>
      <c r="D185" s="92">
        <v>3.6389804656285371E-2</v>
      </c>
      <c r="E185" s="156">
        <v>0.34953340677439643</v>
      </c>
      <c r="F185" s="92">
        <v>3.5510520489533619E-2</v>
      </c>
      <c r="G185" s="156">
        <v>0.25582947999520339</v>
      </c>
      <c r="H185" s="92">
        <v>3.2532917765478023E-2</v>
      </c>
      <c r="I185" s="152">
        <v>709</v>
      </c>
      <c r="J185" s="156">
        <v>0.71915522733475323</v>
      </c>
      <c r="K185" s="92">
        <v>3.370596142302508E-2</v>
      </c>
      <c r="L185" s="156">
        <v>0.18300658762127284</v>
      </c>
      <c r="M185" s="92">
        <v>2.9070642148877987E-2</v>
      </c>
      <c r="N185" s="156">
        <v>9.7838185043974221E-2</v>
      </c>
      <c r="O185" s="92">
        <v>2.2479596227112271E-2</v>
      </c>
      <c r="P185" s="152">
        <v>709</v>
      </c>
      <c r="Q185" s="156">
        <v>0.83646843547533312</v>
      </c>
      <c r="R185" s="92">
        <v>2.7829946290851428E-2</v>
      </c>
      <c r="S185" s="156">
        <v>0.10365307374603824</v>
      </c>
      <c r="T185" s="92">
        <v>2.3045386097303271E-2</v>
      </c>
      <c r="U185" s="156">
        <v>5.9878490778629147E-2</v>
      </c>
      <c r="V185" s="92">
        <v>1.8109901436127101E-2</v>
      </c>
    </row>
    <row r="186" spans="1:22" customFormat="1">
      <c r="A186" s="40" t="s">
        <v>535</v>
      </c>
      <c r="B186" s="78">
        <v>686</v>
      </c>
      <c r="C186" s="93">
        <v>0.40050421103673878</v>
      </c>
      <c r="D186" s="89">
        <v>3.7316898381970359E-2</v>
      </c>
      <c r="E186" s="93">
        <v>0.34935480252124534</v>
      </c>
      <c r="F186" s="89">
        <v>3.6321302119518957E-2</v>
      </c>
      <c r="G186" s="93">
        <v>0.25014098644201604</v>
      </c>
      <c r="H186" s="89">
        <v>3.3038598060583957E-2</v>
      </c>
      <c r="I186" s="78">
        <v>677</v>
      </c>
      <c r="J186" s="93">
        <v>0.71686437859739638</v>
      </c>
      <c r="K186" s="89">
        <v>3.4574884337560285E-2</v>
      </c>
      <c r="L186" s="93">
        <v>0.18464045214910005</v>
      </c>
      <c r="M186" s="89">
        <v>2.985163761729508E-2</v>
      </c>
      <c r="N186" s="93">
        <v>9.8495169253502907E-2</v>
      </c>
      <c r="O186" s="89">
        <v>2.3079008388188802E-2</v>
      </c>
      <c r="P186" s="78">
        <v>677</v>
      </c>
      <c r="Q186" s="93">
        <v>0.8453907215027513</v>
      </c>
      <c r="R186" s="89">
        <v>2.7855568389972305E-2</v>
      </c>
      <c r="S186" s="93">
        <v>9.1757613660217216E-2</v>
      </c>
      <c r="T186" s="89">
        <v>2.2382373556438635E-2</v>
      </c>
      <c r="U186" s="93">
        <v>6.285166483703139E-2</v>
      </c>
      <c r="V186" s="89">
        <v>1.8950380887953946E-2</v>
      </c>
    </row>
    <row r="187" spans="1:22" customFormat="1">
      <c r="A187" s="44" t="s">
        <v>546</v>
      </c>
      <c r="B187" s="152">
        <v>33</v>
      </c>
      <c r="C187" s="156">
        <v>0.33278903657429637</v>
      </c>
      <c r="D187" s="92">
        <v>0.1569158905246564</v>
      </c>
      <c r="E187" s="156">
        <v>0.34138717764914328</v>
      </c>
      <c r="F187" s="92">
        <v>0.15768168931078788</v>
      </c>
      <c r="G187" s="156">
        <v>0.32582378577656018</v>
      </c>
      <c r="H187" s="92">
        <v>0.15626294905539956</v>
      </c>
      <c r="I187" s="152">
        <v>33</v>
      </c>
      <c r="J187" s="156">
        <v>0.72825903399800695</v>
      </c>
      <c r="K187" s="92">
        <v>0.15015459200328796</v>
      </c>
      <c r="L187" s="156">
        <v>0.15543466905274442</v>
      </c>
      <c r="M187" s="92">
        <v>0.12968047029250393</v>
      </c>
      <c r="N187" s="156">
        <v>0.11630629694924847</v>
      </c>
      <c r="O187" s="92">
        <v>0.11986030402134513</v>
      </c>
      <c r="P187" s="152">
        <v>33</v>
      </c>
      <c r="Q187" s="156">
        <v>0.69331081029656005</v>
      </c>
      <c r="R187" s="92">
        <v>0.15431592148736692</v>
      </c>
      <c r="S187" s="156">
        <v>0.25809617032184973</v>
      </c>
      <c r="T187" s="92">
        <v>0.14830612851947911</v>
      </c>
      <c r="U187" s="156">
        <v>4.8593019381589941E-2</v>
      </c>
      <c r="V187" s="92">
        <v>9.7486368732882689E-2</v>
      </c>
    </row>
    <row r="188" spans="1:22" customFormat="1">
      <c r="A188" s="40" t="s">
        <v>536</v>
      </c>
      <c r="B188" s="78">
        <v>174</v>
      </c>
      <c r="C188" s="93">
        <v>0.42641501476866644</v>
      </c>
      <c r="D188" s="89">
        <v>7.4173479485425756E-2</v>
      </c>
      <c r="E188" s="93">
        <v>0.31571095850323211</v>
      </c>
      <c r="F188" s="89">
        <v>6.9919183023117587E-2</v>
      </c>
      <c r="G188" s="93">
        <v>0.25787402672810145</v>
      </c>
      <c r="H188" s="89">
        <v>6.6023529870890246E-2</v>
      </c>
      <c r="I188" s="78">
        <v>174</v>
      </c>
      <c r="J188" s="93">
        <v>0.69186828035494585</v>
      </c>
      <c r="K188" s="89">
        <v>6.9480012353503109E-2</v>
      </c>
      <c r="L188" s="93">
        <v>0.23444780420968464</v>
      </c>
      <c r="M188" s="89">
        <v>6.4060324024568724E-2</v>
      </c>
      <c r="N188" s="93">
        <v>7.3683915435369285E-2</v>
      </c>
      <c r="O188" s="89">
        <v>4.141626174241262E-2</v>
      </c>
      <c r="P188" s="78">
        <v>175</v>
      </c>
      <c r="Q188" s="93">
        <v>0.78969468494626827</v>
      </c>
      <c r="R188" s="89">
        <v>6.1596239959072013E-2</v>
      </c>
      <c r="S188" s="93">
        <v>0.13343798702807438</v>
      </c>
      <c r="T188" s="89">
        <v>5.2121571149355714E-2</v>
      </c>
      <c r="U188" s="93">
        <v>7.6867328025657045E-2</v>
      </c>
      <c r="V188" s="89">
        <v>4.1981954028802566E-2</v>
      </c>
    </row>
    <row r="189" spans="1:22" customFormat="1">
      <c r="A189" s="44" t="s">
        <v>537</v>
      </c>
      <c r="B189" s="152">
        <v>46</v>
      </c>
      <c r="C189" s="156">
        <v>0.33446585048447941</v>
      </c>
      <c r="D189" s="92">
        <v>0.13470184086026687</v>
      </c>
      <c r="E189" s="156">
        <v>0.41256021592281711</v>
      </c>
      <c r="F189" s="92">
        <v>0.13957898584342196</v>
      </c>
      <c r="G189" s="156">
        <v>0.25297393359270326</v>
      </c>
      <c r="H189" s="92">
        <v>0.12596859383099643</v>
      </c>
      <c r="I189" s="152">
        <v>46</v>
      </c>
      <c r="J189" s="156">
        <v>0.73548352092508784</v>
      </c>
      <c r="K189" s="92">
        <v>0.12745666357656577</v>
      </c>
      <c r="L189" s="156">
        <v>0.21134244459720919</v>
      </c>
      <c r="M189" s="92">
        <v>0.11982495793982156</v>
      </c>
      <c r="N189" s="156">
        <v>5.3174034477702914E-2</v>
      </c>
      <c r="O189" s="92">
        <v>8.0505068387663983E-2</v>
      </c>
      <c r="P189" s="152">
        <v>46</v>
      </c>
      <c r="Q189" s="156">
        <v>0.80172417416028641</v>
      </c>
      <c r="R189" s="92">
        <v>0.11762512630773442</v>
      </c>
      <c r="S189" s="156">
        <v>0.14959920120564696</v>
      </c>
      <c r="T189" s="92">
        <v>0.10810306147927616</v>
      </c>
      <c r="U189" s="156">
        <v>4.8676624634066613E-2</v>
      </c>
      <c r="V189" s="92">
        <v>7.8788031203731346E-2</v>
      </c>
    </row>
    <row r="190" spans="1:22" customFormat="1">
      <c r="A190" s="40" t="s">
        <v>538</v>
      </c>
      <c r="B190" s="78">
        <v>55</v>
      </c>
      <c r="C190" s="93">
        <v>0.44383348212708151</v>
      </c>
      <c r="D190" s="89">
        <v>0.12947313708265121</v>
      </c>
      <c r="E190" s="93">
        <v>0.18516042060273225</v>
      </c>
      <c r="F190" s="89">
        <v>0.10540027493966259</v>
      </c>
      <c r="G190" s="93">
        <v>0.37100609727018602</v>
      </c>
      <c r="H190" s="89">
        <v>0.12636784760750974</v>
      </c>
      <c r="I190" s="78">
        <v>55</v>
      </c>
      <c r="J190" s="93">
        <v>0.7301229624022757</v>
      </c>
      <c r="K190" s="89">
        <v>0.11759758054897738</v>
      </c>
      <c r="L190" s="93">
        <v>0.21704394687206041</v>
      </c>
      <c r="M190" s="89">
        <v>0.11059899155543632</v>
      </c>
      <c r="N190" s="93">
        <v>5.2833090725663813E-2</v>
      </c>
      <c r="O190" s="89">
        <v>7.189241182085275E-2</v>
      </c>
      <c r="P190" s="78">
        <v>56</v>
      </c>
      <c r="Q190" s="93">
        <v>0.86894877866366116</v>
      </c>
      <c r="R190" s="89">
        <v>9.3602552275471776E-2</v>
      </c>
      <c r="S190" s="93">
        <v>0.10351062760771752</v>
      </c>
      <c r="T190" s="89">
        <v>8.6817050391720205E-2</v>
      </c>
      <c r="U190" s="93">
        <v>2.7540593728621166E-2</v>
      </c>
      <c r="V190" s="89">
        <v>6.0856341943925508E-2</v>
      </c>
    </row>
    <row r="191" spans="1:22" customFormat="1">
      <c r="A191" s="44" t="s">
        <v>539</v>
      </c>
      <c r="B191" s="152">
        <v>59</v>
      </c>
      <c r="C191" s="156">
        <v>0.46740400869722426</v>
      </c>
      <c r="D191" s="92">
        <v>0.12575313145775446</v>
      </c>
      <c r="E191" s="156">
        <v>0.34885924797199985</v>
      </c>
      <c r="F191" s="92">
        <v>0.12083444022139699</v>
      </c>
      <c r="G191" s="156">
        <v>0.18373674333077633</v>
      </c>
      <c r="H191" s="92">
        <v>0.10150474254428604</v>
      </c>
      <c r="I191" s="152">
        <v>59</v>
      </c>
      <c r="J191" s="156">
        <v>0.62684230154210729</v>
      </c>
      <c r="K191" s="92">
        <v>0.12238093423173452</v>
      </c>
      <c r="L191" s="156">
        <v>0.26164778340580896</v>
      </c>
      <c r="M191" s="92">
        <v>0.11273607132088995</v>
      </c>
      <c r="N191" s="156">
        <v>0.11150991505208405</v>
      </c>
      <c r="O191" s="92">
        <v>8.6421654486660976E-2</v>
      </c>
      <c r="P191" s="152">
        <v>59</v>
      </c>
      <c r="Q191" s="156">
        <v>0.70961294766030969</v>
      </c>
      <c r="R191" s="92">
        <v>0.1158720326858033</v>
      </c>
      <c r="S191" s="156">
        <v>0.14701269400483652</v>
      </c>
      <c r="T191" s="92">
        <v>9.452299491979449E-2</v>
      </c>
      <c r="U191" s="156">
        <v>0.14337435833485429</v>
      </c>
      <c r="V191" s="92">
        <v>9.3759410738195326E-2</v>
      </c>
    </row>
    <row r="192" spans="1:22" customFormat="1">
      <c r="A192" s="40" t="s">
        <v>540</v>
      </c>
      <c r="B192" s="78">
        <v>60</v>
      </c>
      <c r="C192" s="93">
        <v>0.37425016708347392</v>
      </c>
      <c r="D192" s="89">
        <v>0.12147577882803383</v>
      </c>
      <c r="E192" s="93">
        <v>0.29811045460661384</v>
      </c>
      <c r="F192" s="89">
        <v>0.11569796850711239</v>
      </c>
      <c r="G192" s="93">
        <v>0.32763937830991252</v>
      </c>
      <c r="H192" s="89">
        <v>0.11829235274466304</v>
      </c>
      <c r="I192" s="78">
        <v>58</v>
      </c>
      <c r="J192" s="93">
        <v>0.76492047643325023</v>
      </c>
      <c r="K192" s="89">
        <v>0.11030189353995958</v>
      </c>
      <c r="L192" s="93">
        <v>0.12423307619218202</v>
      </c>
      <c r="M192" s="89">
        <v>9.0315200811737092E-2</v>
      </c>
      <c r="N192" s="93">
        <v>0.1108464473745675</v>
      </c>
      <c r="O192" s="89">
        <v>8.7055738587119055E-2</v>
      </c>
      <c r="P192" s="78">
        <v>59</v>
      </c>
      <c r="Q192" s="93">
        <v>0.91649696089165233</v>
      </c>
      <c r="R192" s="89">
        <v>7.8824250512568472E-2</v>
      </c>
      <c r="S192" s="93">
        <v>6.0182737946759976E-2</v>
      </c>
      <c r="T192" s="89">
        <v>7.1423035115471337E-2</v>
      </c>
      <c r="U192" s="93">
        <v>2.3320301161587766E-2</v>
      </c>
      <c r="V192" s="89">
        <v>5.6744626421278789E-2</v>
      </c>
    </row>
    <row r="193" spans="1:22" customFormat="1">
      <c r="A193" s="44" t="s">
        <v>541</v>
      </c>
      <c r="B193" s="152">
        <v>61</v>
      </c>
      <c r="C193" s="156">
        <v>0.38288831357673886</v>
      </c>
      <c r="D193" s="92">
        <v>0.12100119058250672</v>
      </c>
      <c r="E193" s="156">
        <v>0.35590851028458409</v>
      </c>
      <c r="F193" s="92">
        <v>0.11941250623288339</v>
      </c>
      <c r="G193" s="156">
        <v>0.26120317613867661</v>
      </c>
      <c r="H193" s="92">
        <v>0.11087857733700118</v>
      </c>
      <c r="I193" s="152">
        <v>59</v>
      </c>
      <c r="J193" s="156">
        <v>0.69732160524492359</v>
      </c>
      <c r="K193" s="92">
        <v>0.11706773374942653</v>
      </c>
      <c r="L193" s="156">
        <v>0.21255704363434816</v>
      </c>
      <c r="M193" s="92">
        <v>0.10617007582452392</v>
      </c>
      <c r="N193" s="156">
        <v>9.0121351120728069E-2</v>
      </c>
      <c r="O193" s="92">
        <v>8.0733007023201936E-2</v>
      </c>
      <c r="P193" s="152">
        <v>60</v>
      </c>
      <c r="Q193" s="156">
        <v>0.80582651755759582</v>
      </c>
      <c r="R193" s="92">
        <v>0.10240728199897155</v>
      </c>
      <c r="S193" s="156">
        <v>0.14287943167189016</v>
      </c>
      <c r="T193" s="92">
        <v>9.2840119032582422E-2</v>
      </c>
      <c r="U193" s="156">
        <v>5.1294050770513827E-2</v>
      </c>
      <c r="V193" s="92">
        <v>6.7566461246625867E-2</v>
      </c>
    </row>
    <row r="194" spans="1:22" customFormat="1">
      <c r="A194" s="40" t="s">
        <v>542</v>
      </c>
      <c r="B194" s="78">
        <v>97</v>
      </c>
      <c r="C194" s="93">
        <v>0.43014153987951281</v>
      </c>
      <c r="D194" s="89">
        <v>9.8603856274864579E-2</v>
      </c>
      <c r="E194" s="93">
        <v>0.40038115969924404</v>
      </c>
      <c r="F194" s="89">
        <v>9.76651328283894E-2</v>
      </c>
      <c r="G194" s="93">
        <v>0.16947730042124323</v>
      </c>
      <c r="H194" s="89">
        <v>7.6878839034770705E-2</v>
      </c>
      <c r="I194" s="78">
        <v>97</v>
      </c>
      <c r="J194" s="93">
        <v>0.74232294661410037</v>
      </c>
      <c r="K194" s="89">
        <v>8.8068067677266923E-2</v>
      </c>
      <c r="L194" s="93">
        <v>0.2192344365589981</v>
      </c>
      <c r="M194" s="89">
        <v>8.379393909396543E-2</v>
      </c>
      <c r="N194" s="93">
        <v>3.8442616826901269E-2</v>
      </c>
      <c r="O194" s="89">
        <v>4.6032583628411131E-2</v>
      </c>
      <c r="P194" s="78">
        <v>96</v>
      </c>
      <c r="Q194" s="93">
        <v>0.86309209575129042</v>
      </c>
      <c r="R194" s="89">
        <v>7.1693810670295829E-2</v>
      </c>
      <c r="S194" s="93">
        <v>8.2319603024508178E-2</v>
      </c>
      <c r="T194" s="89">
        <v>5.973960429777745E-2</v>
      </c>
      <c r="U194" s="93">
        <v>5.4588301224200955E-2</v>
      </c>
      <c r="V194" s="89">
        <v>5.1831387624069712E-2</v>
      </c>
    </row>
    <row r="195" spans="1:22" customFormat="1">
      <c r="A195" s="44" t="s">
        <v>547</v>
      </c>
      <c r="B195" s="152">
        <v>40</v>
      </c>
      <c r="C195" s="156">
        <v>0.41989315204935379</v>
      </c>
      <c r="D195" s="92">
        <v>0.14914806728151078</v>
      </c>
      <c r="E195" s="156">
        <v>0.44441471543886335</v>
      </c>
      <c r="F195" s="92">
        <v>0.14998378979283192</v>
      </c>
      <c r="G195" s="156">
        <v>0.13569213251178255</v>
      </c>
      <c r="H195" s="92">
        <v>0.11294160432250466</v>
      </c>
      <c r="I195" s="152">
        <v>40</v>
      </c>
      <c r="J195" s="156">
        <v>0.69685564778473041</v>
      </c>
      <c r="K195" s="92">
        <v>0.14076848595036598</v>
      </c>
      <c r="L195" s="156">
        <v>0.27949282706087752</v>
      </c>
      <c r="M195" s="92">
        <v>0.13810910077791994</v>
      </c>
      <c r="N195" s="156">
        <v>2.365152515439203E-2</v>
      </c>
      <c r="O195" s="92">
        <v>7.5361453333615519E-2</v>
      </c>
      <c r="P195" s="152">
        <v>39</v>
      </c>
      <c r="Q195" s="156">
        <v>0.8577509770141738</v>
      </c>
      <c r="R195" s="92">
        <v>0.11602647668445663</v>
      </c>
      <c r="S195" s="156">
        <v>6.8036503918034411E-2</v>
      </c>
      <c r="T195" s="92">
        <v>9.4749495559231067E-2</v>
      </c>
      <c r="U195" s="156">
        <v>7.4212519067791763E-2</v>
      </c>
      <c r="V195" s="92">
        <v>9.6865053533713621E-2</v>
      </c>
    </row>
    <row r="196" spans="1:22" customFormat="1">
      <c r="A196" s="52" t="s">
        <v>548</v>
      </c>
      <c r="B196" s="78">
        <v>37</v>
      </c>
      <c r="C196" s="93">
        <v>0.37545562151811829</v>
      </c>
      <c r="D196" s="89">
        <v>0.15217693634249596</v>
      </c>
      <c r="E196" s="93">
        <v>0.45974325802349092</v>
      </c>
      <c r="F196" s="89">
        <v>0.15576097549222181</v>
      </c>
      <c r="G196" s="93">
        <v>0.1648011204583911</v>
      </c>
      <c r="H196" s="89">
        <v>0.12435034588232642</v>
      </c>
      <c r="I196" s="78">
        <v>37</v>
      </c>
      <c r="J196" s="93">
        <v>0.6331048166891301</v>
      </c>
      <c r="K196" s="89">
        <v>0.15160006127292749</v>
      </c>
      <c r="L196" s="93">
        <v>0.26989071510745122</v>
      </c>
      <c r="M196" s="89">
        <v>0.14206748349245113</v>
      </c>
      <c r="N196" s="93">
        <v>9.7004468203418792E-2</v>
      </c>
      <c r="O196" s="89">
        <v>0.10717556222192201</v>
      </c>
      <c r="P196" s="78">
        <v>36</v>
      </c>
      <c r="Q196" s="93">
        <v>0.93903479052511774</v>
      </c>
      <c r="R196" s="89">
        <v>9.6887174947945798E-2</v>
      </c>
      <c r="S196" s="93">
        <v>3.1407174308072126E-2</v>
      </c>
      <c r="T196" s="89">
        <v>8.4935751368398552E-2</v>
      </c>
      <c r="U196" s="93">
        <v>2.9558035166810236E-2</v>
      </c>
      <c r="V196" s="89">
        <v>8.4103703697488347E-2</v>
      </c>
    </row>
    <row r="197" spans="1:22" customFormat="1">
      <c r="A197" s="44" t="s">
        <v>549</v>
      </c>
      <c r="B197" s="152">
        <v>35</v>
      </c>
      <c r="C197" s="156">
        <v>0.303790459521181</v>
      </c>
      <c r="D197" s="92">
        <v>0.14986965343648698</v>
      </c>
      <c r="E197" s="156">
        <v>0.4678214354555616</v>
      </c>
      <c r="F197" s="92">
        <v>0.15986085283543128</v>
      </c>
      <c r="G197" s="156">
        <v>0.22838810502325721</v>
      </c>
      <c r="H197" s="92">
        <v>0.13981080932111195</v>
      </c>
      <c r="I197" s="152">
        <v>32</v>
      </c>
      <c r="J197" s="156">
        <v>0.78901186892186925</v>
      </c>
      <c r="K197" s="92">
        <v>0.14298511119852056</v>
      </c>
      <c r="L197" s="156">
        <v>0.10813023128675395</v>
      </c>
      <c r="M197" s="92">
        <v>0.11956733499953828</v>
      </c>
      <c r="N197" s="156">
        <v>0.10285789979137663</v>
      </c>
      <c r="O197" s="92">
        <v>0.11803025433150209</v>
      </c>
      <c r="P197" s="152">
        <v>31</v>
      </c>
      <c r="Q197" s="156">
        <v>0.84702486191237381</v>
      </c>
      <c r="R197" s="92">
        <v>0.13332102265274276</v>
      </c>
      <c r="S197" s="156">
        <v>0.15297513808762606</v>
      </c>
      <c r="T197" s="92">
        <v>0.13332102265274273</v>
      </c>
      <c r="U197" s="156">
        <v>0</v>
      </c>
      <c r="V197" s="92">
        <v>7.846932140863945E-2</v>
      </c>
    </row>
    <row r="198" spans="1:22" customFormat="1">
      <c r="A198" s="52" t="s">
        <v>550</v>
      </c>
      <c r="B198" s="78">
        <v>20</v>
      </c>
      <c r="C198" s="93">
        <v>0.36366241501556801</v>
      </c>
      <c r="D198" s="89">
        <v>0.19878451916649875</v>
      </c>
      <c r="E198" s="93">
        <v>0.30365931900181559</v>
      </c>
      <c r="F198" s="89">
        <v>0.19288571775542174</v>
      </c>
      <c r="G198" s="93">
        <v>0.33267826598261641</v>
      </c>
      <c r="H198" s="89">
        <v>0.19602633436483918</v>
      </c>
      <c r="I198" s="78">
        <v>20</v>
      </c>
      <c r="J198" s="93">
        <v>0.57750591689284425</v>
      </c>
      <c r="K198" s="89">
        <v>0.20241391427117517</v>
      </c>
      <c r="L198" s="93">
        <v>0.18613661899504944</v>
      </c>
      <c r="M198" s="89">
        <v>0.1739684471657881</v>
      </c>
      <c r="N198" s="93">
        <v>0.23635746411210615</v>
      </c>
      <c r="O198" s="89">
        <v>0.18336256498983877</v>
      </c>
      <c r="P198" s="78">
        <v>19</v>
      </c>
      <c r="Q198" s="93">
        <v>0.70516430207448277</v>
      </c>
      <c r="R198" s="89">
        <v>0.1961699905967198</v>
      </c>
      <c r="S198" s="93">
        <v>3.8388790243240593E-2</v>
      </c>
      <c r="T198" s="89">
        <v>0.13486654848329974</v>
      </c>
      <c r="U198" s="93">
        <v>0.25644690768227663</v>
      </c>
      <c r="V198" s="89">
        <v>0.19088815591375993</v>
      </c>
    </row>
    <row r="199" spans="1:22" customFormat="1">
      <c r="A199" s="44" t="s">
        <v>551</v>
      </c>
      <c r="B199" s="152">
        <v>14</v>
      </c>
      <c r="C199" s="156">
        <v>0.29629482060964279</v>
      </c>
      <c r="D199" s="92">
        <v>0.22355591018421409</v>
      </c>
      <c r="E199" s="156">
        <v>0.53317879632261711</v>
      </c>
      <c r="F199" s="92">
        <v>0.23538812595123132</v>
      </c>
      <c r="G199" s="156">
        <v>0.17052638306774018</v>
      </c>
      <c r="H199" s="92">
        <v>0.20239247785767489</v>
      </c>
      <c r="I199" s="152">
        <v>13</v>
      </c>
      <c r="J199" s="156">
        <v>0.71822268187560911</v>
      </c>
      <c r="K199" s="92">
        <v>0.22862882551473906</v>
      </c>
      <c r="L199" s="156">
        <v>0.1510875976562949</v>
      </c>
      <c r="M199" s="92">
        <v>0.20511664411799502</v>
      </c>
      <c r="N199" s="156">
        <v>0.13068972046809596</v>
      </c>
      <c r="O199" s="92">
        <v>0.20014258309743721</v>
      </c>
      <c r="P199" s="152">
        <v>14</v>
      </c>
      <c r="Q199" s="156">
        <v>0.92683072863654714</v>
      </c>
      <c r="R199" s="92">
        <v>0.1762508572432479</v>
      </c>
      <c r="S199" s="156">
        <v>0</v>
      </c>
      <c r="T199" s="92">
        <v>0.14814814814814814</v>
      </c>
      <c r="U199" s="156">
        <v>7.3169271363452901E-2</v>
      </c>
      <c r="V199" s="92">
        <v>0.1762508572432479</v>
      </c>
    </row>
    <row r="200" spans="1:22" customFormat="1">
      <c r="A200" s="52" t="s">
        <v>543</v>
      </c>
      <c r="B200" s="78">
        <v>87</v>
      </c>
      <c r="C200" s="93">
        <v>0.33700878807798068</v>
      </c>
      <c r="D200" s="89">
        <v>9.9607586082632135E-2</v>
      </c>
      <c r="E200" s="93">
        <v>0.29802040741695079</v>
      </c>
      <c r="F200" s="89">
        <v>9.6695252879228283E-2</v>
      </c>
      <c r="G200" s="93">
        <v>0.36497080450506836</v>
      </c>
      <c r="H200" s="89">
        <v>0.10127425041019503</v>
      </c>
      <c r="I200" s="78">
        <v>87</v>
      </c>
      <c r="J200" s="93">
        <v>0.83358914290664332</v>
      </c>
      <c r="K200" s="89">
        <v>8.0734616291986971E-2</v>
      </c>
      <c r="L200" s="93">
        <v>9.9355194201893884E-2</v>
      </c>
      <c r="M200" s="89">
        <v>6.737949611217102E-2</v>
      </c>
      <c r="N200" s="93">
        <v>6.7055662891462531E-2</v>
      </c>
      <c r="O200" s="89">
        <v>5.8806948929790825E-2</v>
      </c>
      <c r="P200" s="78">
        <v>87</v>
      </c>
      <c r="Q200" s="93">
        <v>0.8807912686617434</v>
      </c>
      <c r="R200" s="89">
        <v>7.1856167134487933E-2</v>
      </c>
      <c r="S200" s="93">
        <v>8.5500807431760875E-2</v>
      </c>
      <c r="T200" s="89">
        <v>6.3923924297301593E-2</v>
      </c>
      <c r="U200" s="93">
        <v>3.3707923906495775E-2</v>
      </c>
      <c r="V200" s="89">
        <v>4.747060399756927E-2</v>
      </c>
    </row>
    <row r="201" spans="1:22" customFormat="1">
      <c r="A201" s="44" t="s">
        <v>544</v>
      </c>
      <c r="B201" s="152">
        <v>38</v>
      </c>
      <c r="C201" s="156">
        <v>0.29112183980889972</v>
      </c>
      <c r="D201" s="92">
        <v>0.14285679442471519</v>
      </c>
      <c r="E201" s="156">
        <v>0.36101556938006119</v>
      </c>
      <c r="F201" s="92">
        <v>0.14934379838638975</v>
      </c>
      <c r="G201" s="156">
        <v>0.34786259081103915</v>
      </c>
      <c r="H201" s="92">
        <v>0.14834098162934453</v>
      </c>
      <c r="I201" s="152">
        <v>38</v>
      </c>
      <c r="J201" s="156">
        <v>0.87962191993514038</v>
      </c>
      <c r="K201" s="92">
        <v>0.1121351692206343</v>
      </c>
      <c r="L201" s="156">
        <v>0.10051032992236957</v>
      </c>
      <c r="M201" s="92">
        <v>0.10661856024044698</v>
      </c>
      <c r="N201" s="156">
        <v>1.9867750142489971E-2</v>
      </c>
      <c r="O201" s="92">
        <v>7.6402427943600096E-2</v>
      </c>
      <c r="P201" s="152">
        <v>38</v>
      </c>
      <c r="Q201" s="156">
        <v>0.94100988958672616</v>
      </c>
      <c r="R201" s="92">
        <v>9.2988406670284907E-2</v>
      </c>
      <c r="S201" s="156">
        <v>4.132224897983295E-2</v>
      </c>
      <c r="T201" s="92">
        <v>8.6067443514272521E-2</v>
      </c>
      <c r="U201" s="156">
        <v>1.7667861433440669E-2</v>
      </c>
      <c r="V201" s="92">
        <v>7.5314422987528259E-2</v>
      </c>
    </row>
    <row r="202" spans="1:22" customFormat="1">
      <c r="A202" s="52" t="s">
        <v>552</v>
      </c>
      <c r="B202" s="78">
        <v>49</v>
      </c>
      <c r="C202" s="93">
        <v>0.37333027568897265</v>
      </c>
      <c r="D202" s="89">
        <v>0.13353970721720626</v>
      </c>
      <c r="E202" s="93">
        <v>0.24815703490897181</v>
      </c>
      <c r="F202" s="89">
        <v>0.12155825404307637</v>
      </c>
      <c r="G202" s="93">
        <v>0.37851268940205524</v>
      </c>
      <c r="H202" s="89">
        <v>0.13384997634618873</v>
      </c>
      <c r="I202" s="78">
        <v>49</v>
      </c>
      <c r="J202" s="93">
        <v>0.79715222557809018</v>
      </c>
      <c r="K202" s="89">
        <v>0.1147682887450351</v>
      </c>
      <c r="L202" s="93">
        <v>9.8440854736252359E-2</v>
      </c>
      <c r="M202" s="89">
        <v>9.2009582127704048E-2</v>
      </c>
      <c r="N202" s="93">
        <v>0.10440691968565739</v>
      </c>
      <c r="O202" s="89">
        <v>9.3661956483230391E-2</v>
      </c>
      <c r="P202" s="78">
        <v>49</v>
      </c>
      <c r="Q202" s="93">
        <v>0.83315725945010388</v>
      </c>
      <c r="R202" s="89">
        <v>0.10820239510928213</v>
      </c>
      <c r="S202" s="93">
        <v>0.12044683953830194</v>
      </c>
      <c r="T202" s="89">
        <v>9.7850031169922941E-2</v>
      </c>
      <c r="U202" s="93">
        <v>4.6395901011594062E-2</v>
      </c>
      <c r="V202" s="89">
        <v>7.4797309957922359E-2</v>
      </c>
    </row>
    <row r="203" spans="1:22" customFormat="1">
      <c r="A203" s="44" t="s">
        <v>545</v>
      </c>
      <c r="B203" s="152">
        <v>100</v>
      </c>
      <c r="C203" s="156">
        <v>0.54212363434479838</v>
      </c>
      <c r="D203" s="92">
        <v>9.7735803007637581E-2</v>
      </c>
      <c r="E203" s="156">
        <v>0.21024250521638063</v>
      </c>
      <c r="F203" s="92">
        <v>8.1423586107983822E-2</v>
      </c>
      <c r="G203" s="156">
        <v>0.24763386043881966</v>
      </c>
      <c r="H203" s="92">
        <v>8.5735785082093063E-2</v>
      </c>
      <c r="I203" s="152">
        <v>99</v>
      </c>
      <c r="J203" s="156">
        <v>0.65854445934883699</v>
      </c>
      <c r="K203" s="92">
        <v>9.3845169422193828E-2</v>
      </c>
      <c r="L203" s="156">
        <v>0.16967605624341142</v>
      </c>
      <c r="M203" s="92">
        <v>7.6118558085915569E-2</v>
      </c>
      <c r="N203" s="156">
        <v>0.17177948440775054</v>
      </c>
      <c r="O203" s="92">
        <v>7.6444306759465355E-2</v>
      </c>
      <c r="P203" s="152">
        <v>99</v>
      </c>
      <c r="Q203" s="156">
        <v>0.76747903510738003</v>
      </c>
      <c r="R203" s="92">
        <v>8.4509770963636807E-2</v>
      </c>
      <c r="S203" s="156">
        <v>0.12035958114151341</v>
      </c>
      <c r="T203" s="92">
        <v>6.7363700642183777E-2</v>
      </c>
      <c r="U203" s="156">
        <v>0.11216138375110589</v>
      </c>
      <c r="V203" s="92">
        <v>6.5666815995099576E-2</v>
      </c>
    </row>
    <row r="204" spans="1:22" s="5" customFormat="1"/>
  </sheetData>
  <mergeCells count="32">
    <mergeCell ref="P121:V121"/>
    <mergeCell ref="A5:H5"/>
    <mergeCell ref="A34:H34"/>
    <mergeCell ref="B63:H63"/>
    <mergeCell ref="I63:O63"/>
    <mergeCell ref="P63:V63"/>
    <mergeCell ref="A91:H91"/>
    <mergeCell ref="A90:H90"/>
    <mergeCell ref="A120:V120"/>
    <mergeCell ref="A119:V119"/>
    <mergeCell ref="I121:O121"/>
    <mergeCell ref="A92:H92"/>
    <mergeCell ref="B121:H121"/>
    <mergeCell ref="AR63:AX63"/>
    <mergeCell ref="A4:H4"/>
    <mergeCell ref="A3:H3"/>
    <mergeCell ref="A33:H33"/>
    <mergeCell ref="A32:H32"/>
    <mergeCell ref="A61:AX61"/>
    <mergeCell ref="A62:AX62"/>
    <mergeCell ref="W63:AC63"/>
    <mergeCell ref="AD63:AJ63"/>
    <mergeCell ref="AK63:AQ63"/>
    <mergeCell ref="A148:K148"/>
    <mergeCell ref="A149:K149"/>
    <mergeCell ref="A177:V177"/>
    <mergeCell ref="A178:V178"/>
    <mergeCell ref="B179:H179"/>
    <mergeCell ref="I179:O179"/>
    <mergeCell ref="P179:V179"/>
    <mergeCell ref="A150:D150"/>
    <mergeCell ref="E150:K150"/>
  </mergeCell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BD145"/>
  <sheetViews>
    <sheetView zoomScaleNormal="100" workbookViewId="0"/>
  </sheetViews>
  <sheetFormatPr defaultColWidth="18" defaultRowHeight="15"/>
  <cols>
    <col min="1" max="1" width="53.28515625" style="5" customWidth="1"/>
    <col min="2" max="4" width="19.42578125" style="5" customWidth="1"/>
    <col min="5" max="8" width="18" style="5"/>
    <col min="9" max="9" width="19.85546875" style="5" customWidth="1"/>
    <col min="10" max="16384" width="18" style="5"/>
  </cols>
  <sheetData>
    <row r="1" spans="1:37" ht="29.25" customHeight="1">
      <c r="A1" s="31" t="s">
        <v>60</v>
      </c>
      <c r="P1" s="225"/>
      <c r="Q1" s="225"/>
      <c r="R1" s="225"/>
      <c r="S1" s="225"/>
      <c r="T1" s="225"/>
      <c r="U1" s="225"/>
      <c r="V1" s="225"/>
      <c r="W1" s="225"/>
      <c r="X1" s="225"/>
      <c r="Y1" s="225"/>
      <c r="Z1" s="225"/>
      <c r="AA1" s="225"/>
      <c r="AB1" s="225"/>
      <c r="AC1" s="225"/>
      <c r="AD1" s="225"/>
      <c r="AE1" s="225"/>
      <c r="AF1" s="225"/>
      <c r="AG1" s="225"/>
      <c r="AH1" s="225"/>
      <c r="AI1" s="225"/>
      <c r="AJ1" s="225"/>
      <c r="AK1" s="225"/>
    </row>
    <row r="2" spans="1:37" ht="15.75" customHeight="1">
      <c r="A2" s="31"/>
      <c r="P2" s="225"/>
      <c r="Q2" s="225"/>
      <c r="R2" s="225"/>
      <c r="S2" s="225"/>
      <c r="T2" s="225"/>
      <c r="U2" s="225"/>
      <c r="V2" s="225"/>
      <c r="W2" s="225"/>
      <c r="X2" s="225"/>
      <c r="Y2" s="225"/>
      <c r="Z2" s="225"/>
      <c r="AA2" s="225"/>
      <c r="AB2" s="225"/>
      <c r="AC2" s="225"/>
      <c r="AD2" s="225"/>
      <c r="AE2" s="225"/>
      <c r="AF2" s="225"/>
      <c r="AG2" s="225"/>
      <c r="AH2" s="225"/>
      <c r="AI2" s="225"/>
      <c r="AJ2" s="225"/>
      <c r="AK2" s="225"/>
    </row>
    <row r="3" spans="1:37" ht="18.75">
      <c r="A3" s="337" t="s">
        <v>363</v>
      </c>
      <c r="B3" s="337"/>
      <c r="C3" s="337"/>
      <c r="D3" s="337"/>
      <c r="P3" s="225"/>
      <c r="Q3" s="225"/>
      <c r="R3" s="225"/>
      <c r="S3" s="225"/>
      <c r="T3" s="225"/>
      <c r="U3" s="225"/>
      <c r="V3" s="225"/>
      <c r="W3" s="225"/>
      <c r="X3" s="225"/>
      <c r="Y3" s="225"/>
      <c r="Z3" s="225"/>
      <c r="AA3" s="225"/>
      <c r="AB3" s="225"/>
      <c r="AC3" s="225"/>
      <c r="AD3" s="225"/>
      <c r="AE3" s="225"/>
      <c r="AF3" s="225"/>
      <c r="AG3" s="225"/>
      <c r="AH3" s="225"/>
      <c r="AI3" s="225"/>
      <c r="AJ3" s="225"/>
      <c r="AK3" s="225"/>
    </row>
    <row r="4" spans="1:37" ht="99.75" customHeight="1">
      <c r="A4" s="373" t="s">
        <v>361</v>
      </c>
      <c r="B4" s="373"/>
      <c r="C4" s="373"/>
      <c r="D4" s="373"/>
      <c r="P4" s="225"/>
      <c r="Q4" s="225"/>
      <c r="R4" s="225"/>
      <c r="S4" s="225"/>
      <c r="T4" s="225"/>
      <c r="U4" s="225"/>
      <c r="V4" s="225"/>
      <c r="W4" s="225"/>
      <c r="X4" s="225"/>
      <c r="Y4" s="225"/>
      <c r="Z4" s="225"/>
      <c r="AA4" s="225"/>
      <c r="AB4" s="225"/>
      <c r="AC4" s="225"/>
      <c r="AD4" s="225"/>
      <c r="AE4" s="225"/>
      <c r="AF4" s="225"/>
      <c r="AG4" s="225"/>
      <c r="AH4" s="225"/>
      <c r="AI4" s="225"/>
      <c r="AJ4" s="225"/>
      <c r="AK4" s="225"/>
    </row>
    <row r="5" spans="1:37" ht="36.75" customHeight="1">
      <c r="A5" s="374" t="s">
        <v>362</v>
      </c>
      <c r="B5" s="375"/>
      <c r="C5" s="375"/>
      <c r="D5" s="375"/>
      <c r="P5" s="225"/>
      <c r="Q5" s="225"/>
      <c r="R5" s="225"/>
      <c r="S5" s="225"/>
      <c r="T5" s="225"/>
      <c r="U5" s="225"/>
      <c r="V5" s="225"/>
      <c r="W5" s="225"/>
      <c r="X5" s="225"/>
      <c r="Y5" s="225"/>
      <c r="Z5" s="225"/>
      <c r="AA5" s="225"/>
      <c r="AB5" s="225"/>
      <c r="AC5" s="225"/>
      <c r="AD5" s="225"/>
      <c r="AE5" s="225"/>
      <c r="AF5" s="225"/>
      <c r="AG5" s="225"/>
      <c r="AH5" s="225"/>
      <c r="AI5" s="225"/>
      <c r="AJ5" s="225"/>
      <c r="AK5" s="225"/>
    </row>
    <row r="6" spans="1:37" ht="72">
      <c r="A6" s="32" t="s">
        <v>71</v>
      </c>
      <c r="B6" s="33" t="s">
        <v>72</v>
      </c>
      <c r="C6" s="34" t="s">
        <v>589</v>
      </c>
      <c r="D6" s="35" t="s">
        <v>73</v>
      </c>
      <c r="P6" s="225"/>
      <c r="Q6" s="225"/>
      <c r="R6" s="225"/>
      <c r="S6" s="225"/>
      <c r="T6" s="225"/>
      <c r="U6" s="225"/>
      <c r="V6" s="225"/>
      <c r="W6" s="225"/>
      <c r="X6" s="225"/>
      <c r="Y6" s="225"/>
      <c r="Z6" s="225"/>
      <c r="AA6" s="225"/>
      <c r="AB6" s="225"/>
      <c r="AC6" s="225"/>
      <c r="AD6" s="225"/>
      <c r="AE6" s="225"/>
      <c r="AF6" s="225"/>
      <c r="AG6" s="225"/>
      <c r="AH6" s="225"/>
      <c r="AI6" s="225"/>
      <c r="AJ6" s="225"/>
      <c r="AK6" s="225"/>
    </row>
    <row r="7" spans="1:37" ht="72">
      <c r="A7" s="36"/>
      <c r="B7" s="37" t="s">
        <v>74</v>
      </c>
      <c r="C7" s="38" t="s">
        <v>582</v>
      </c>
      <c r="D7" s="39" t="s">
        <v>76</v>
      </c>
      <c r="P7" s="225"/>
      <c r="Q7" s="225"/>
      <c r="R7" s="225"/>
      <c r="S7" s="225"/>
      <c r="T7" s="225"/>
      <c r="U7" s="225"/>
      <c r="V7" s="225"/>
      <c r="W7" s="225"/>
      <c r="X7" s="225"/>
      <c r="Y7" s="225"/>
      <c r="Z7" s="225"/>
      <c r="AA7" s="225"/>
      <c r="AB7" s="225"/>
      <c r="AC7" s="225"/>
      <c r="AD7" s="225"/>
      <c r="AE7" s="225"/>
      <c r="AF7" s="225"/>
      <c r="AG7" s="225"/>
      <c r="AH7" s="225"/>
      <c r="AI7" s="225"/>
      <c r="AJ7" s="225"/>
      <c r="AK7" s="225"/>
    </row>
    <row r="8" spans="1:37">
      <c r="A8" s="40" t="s">
        <v>350</v>
      </c>
      <c r="B8" s="128">
        <v>13760</v>
      </c>
      <c r="C8" s="129">
        <v>5.3107549376785776</v>
      </c>
      <c r="D8" s="130">
        <v>1.980026958620976E-2</v>
      </c>
      <c r="P8" s="225"/>
      <c r="Q8" s="225"/>
      <c r="R8" s="225"/>
      <c r="S8" s="225"/>
      <c r="T8" s="225"/>
      <c r="U8" s="225"/>
      <c r="V8" s="225"/>
      <c r="W8" s="225"/>
      <c r="X8" s="225"/>
      <c r="Y8" s="225"/>
      <c r="Z8" s="225"/>
      <c r="AA8" s="225"/>
      <c r="AB8" s="225"/>
      <c r="AC8" s="225"/>
      <c r="AD8" s="225"/>
      <c r="AE8" s="225"/>
      <c r="AF8" s="225"/>
      <c r="AG8" s="225"/>
      <c r="AH8" s="225"/>
      <c r="AI8" s="225"/>
      <c r="AJ8" s="225"/>
      <c r="AK8" s="225"/>
    </row>
    <row r="9" spans="1:37">
      <c r="A9" s="44" t="s">
        <v>351</v>
      </c>
      <c r="B9" s="44">
        <v>10041</v>
      </c>
      <c r="C9" s="132">
        <v>5.425601896978967</v>
      </c>
      <c r="D9" s="133">
        <v>2.2820295307440942E-2</v>
      </c>
      <c r="P9" s="225"/>
      <c r="Q9" s="225"/>
      <c r="R9" s="225"/>
      <c r="S9" s="225"/>
      <c r="T9" s="225"/>
      <c r="U9" s="225"/>
      <c r="V9" s="225"/>
      <c r="W9" s="225"/>
      <c r="X9" s="225"/>
      <c r="Y9" s="225"/>
      <c r="Z9" s="225"/>
      <c r="AA9" s="225"/>
      <c r="AB9" s="225"/>
      <c r="AC9" s="225"/>
      <c r="AD9" s="225"/>
      <c r="AE9" s="225"/>
      <c r="AF9" s="225"/>
      <c r="AG9" s="225"/>
      <c r="AH9" s="225"/>
      <c r="AI9" s="225"/>
      <c r="AJ9" s="225"/>
      <c r="AK9" s="225"/>
    </row>
    <row r="10" spans="1:37">
      <c r="A10" s="40" t="s">
        <v>352</v>
      </c>
      <c r="B10" s="48">
        <v>3719</v>
      </c>
      <c r="C10" s="129">
        <v>5.2193696323113699</v>
      </c>
      <c r="D10" s="130">
        <v>3.8927555702293927E-2</v>
      </c>
      <c r="P10" s="225"/>
      <c r="Q10" s="225"/>
      <c r="R10" s="225"/>
      <c r="S10" s="225"/>
      <c r="T10" s="225"/>
      <c r="U10" s="225"/>
      <c r="V10" s="225"/>
      <c r="W10" s="225"/>
      <c r="X10" s="225"/>
      <c r="Y10" s="225"/>
      <c r="Z10" s="225"/>
      <c r="AA10" s="225"/>
      <c r="AB10" s="225"/>
      <c r="AC10" s="225"/>
      <c r="AD10" s="225"/>
      <c r="AE10" s="225"/>
      <c r="AF10" s="225"/>
      <c r="AG10" s="225"/>
      <c r="AH10" s="225"/>
      <c r="AI10" s="225"/>
      <c r="AJ10" s="225"/>
      <c r="AK10" s="225"/>
    </row>
    <row r="11" spans="1:37">
      <c r="A11" s="44" t="s">
        <v>534</v>
      </c>
      <c r="B11" s="44">
        <v>1863</v>
      </c>
      <c r="C11" s="132">
        <v>5.3310196483525427</v>
      </c>
      <c r="D11" s="133">
        <v>5.3415820289624251E-2</v>
      </c>
      <c r="P11" s="225"/>
      <c r="Q11" s="225"/>
      <c r="R11" s="225"/>
      <c r="S11" s="225"/>
      <c r="T11" s="225"/>
      <c r="U11" s="225"/>
      <c r="V11" s="225"/>
      <c r="W11" s="225"/>
      <c r="X11" s="225"/>
      <c r="Y11" s="225"/>
      <c r="Z11" s="225"/>
      <c r="AA11" s="225"/>
      <c r="AB11" s="225"/>
      <c r="AC11" s="225"/>
      <c r="AD11" s="225"/>
      <c r="AE11" s="225"/>
      <c r="AF11" s="225"/>
      <c r="AG11" s="225"/>
      <c r="AH11" s="225"/>
      <c r="AI11" s="225"/>
      <c r="AJ11" s="225"/>
      <c r="AK11" s="225"/>
    </row>
    <row r="12" spans="1:37">
      <c r="A12" s="40" t="s">
        <v>535</v>
      </c>
      <c r="B12" s="48">
        <v>1508</v>
      </c>
      <c r="C12" s="129">
        <v>5.3128001963791469</v>
      </c>
      <c r="D12" s="130">
        <v>6.0532682782648034E-2</v>
      </c>
      <c r="P12" s="225"/>
      <c r="Q12" s="225"/>
      <c r="R12" s="225"/>
      <c r="S12" s="225"/>
      <c r="T12" s="225"/>
      <c r="U12" s="225"/>
      <c r="V12" s="225"/>
      <c r="W12" s="225"/>
      <c r="X12" s="225"/>
      <c r="Y12" s="225"/>
      <c r="Z12" s="225"/>
      <c r="AA12" s="225"/>
      <c r="AB12" s="225"/>
      <c r="AC12" s="225"/>
      <c r="AD12" s="225"/>
      <c r="AE12" s="225"/>
      <c r="AF12" s="225"/>
      <c r="AG12" s="225"/>
      <c r="AH12" s="225"/>
      <c r="AI12" s="225"/>
      <c r="AJ12" s="225"/>
      <c r="AK12" s="225"/>
    </row>
    <row r="13" spans="1:37">
      <c r="A13" s="44" t="s">
        <v>546</v>
      </c>
      <c r="B13" s="44">
        <v>358</v>
      </c>
      <c r="C13" s="132">
        <v>5.3881416690724322</v>
      </c>
      <c r="D13" s="133">
        <v>0.11181584699759615</v>
      </c>
      <c r="P13" s="225"/>
      <c r="Q13" s="225"/>
      <c r="R13" s="225"/>
      <c r="S13" s="225"/>
      <c r="T13" s="225"/>
      <c r="U13" s="225"/>
      <c r="V13" s="225"/>
      <c r="W13" s="225"/>
      <c r="X13" s="225"/>
      <c r="Y13" s="225"/>
      <c r="Z13" s="225"/>
      <c r="AA13" s="225"/>
      <c r="AB13" s="225"/>
      <c r="AC13" s="225"/>
      <c r="AD13" s="225"/>
      <c r="AE13" s="225"/>
      <c r="AF13" s="225"/>
      <c r="AG13" s="225"/>
      <c r="AH13" s="225"/>
      <c r="AI13" s="225"/>
      <c r="AJ13" s="225"/>
      <c r="AK13" s="225"/>
    </row>
    <row r="14" spans="1:37">
      <c r="A14" s="40" t="s">
        <v>536</v>
      </c>
      <c r="B14" s="48">
        <v>294</v>
      </c>
      <c r="C14" s="129">
        <v>5.258447955674864</v>
      </c>
      <c r="D14" s="130">
        <v>0.13693185798627155</v>
      </c>
      <c r="P14" s="225"/>
      <c r="Q14" s="225"/>
      <c r="R14" s="225"/>
      <c r="S14" s="225"/>
      <c r="T14" s="225"/>
      <c r="U14" s="225"/>
      <c r="V14" s="225"/>
      <c r="W14" s="225"/>
      <c r="X14" s="225"/>
      <c r="Y14" s="225"/>
      <c r="Z14" s="225"/>
      <c r="AA14" s="225"/>
      <c r="AB14" s="225"/>
      <c r="AC14" s="225"/>
      <c r="AD14" s="225"/>
      <c r="AE14" s="225"/>
      <c r="AF14" s="225"/>
      <c r="AG14" s="225"/>
      <c r="AH14" s="225"/>
      <c r="AI14" s="225"/>
      <c r="AJ14" s="225"/>
      <c r="AK14" s="225"/>
    </row>
    <row r="15" spans="1:37">
      <c r="A15" s="44" t="s">
        <v>537</v>
      </c>
      <c r="B15" s="44">
        <v>87</v>
      </c>
      <c r="C15" s="132">
        <v>5.1893100339914948</v>
      </c>
      <c r="D15" s="133">
        <v>0.25560817719881768</v>
      </c>
      <c r="P15" s="225"/>
      <c r="Q15" s="225"/>
      <c r="R15" s="225"/>
      <c r="S15" s="225"/>
      <c r="T15" s="225"/>
      <c r="U15" s="225"/>
      <c r="V15" s="225"/>
      <c r="W15" s="225"/>
      <c r="X15" s="225"/>
      <c r="Y15" s="225"/>
      <c r="Z15" s="225"/>
      <c r="AA15" s="225"/>
      <c r="AB15" s="225"/>
      <c r="AC15" s="225"/>
      <c r="AD15" s="225"/>
      <c r="AE15" s="225"/>
      <c r="AF15" s="225"/>
      <c r="AG15" s="225"/>
      <c r="AH15" s="225"/>
      <c r="AI15" s="225"/>
      <c r="AJ15" s="225"/>
      <c r="AK15" s="225"/>
    </row>
    <row r="16" spans="1:37">
      <c r="A16" s="40" t="s">
        <v>538</v>
      </c>
      <c r="B16" s="48">
        <v>89</v>
      </c>
      <c r="C16" s="129">
        <v>5.3112028350875207</v>
      </c>
      <c r="D16" s="130">
        <v>0.26569856715996387</v>
      </c>
      <c r="P16" s="225"/>
      <c r="Q16" s="225"/>
      <c r="R16" s="225"/>
      <c r="S16" s="225"/>
      <c r="T16" s="225"/>
      <c r="U16" s="225"/>
      <c r="V16" s="225"/>
      <c r="W16" s="225"/>
      <c r="X16" s="225"/>
      <c r="Y16" s="225"/>
      <c r="Z16" s="225"/>
      <c r="AA16" s="225"/>
      <c r="AB16" s="225"/>
      <c r="AC16" s="225"/>
      <c r="AD16" s="225"/>
      <c r="AE16" s="225"/>
      <c r="AF16" s="225"/>
      <c r="AG16" s="225"/>
      <c r="AH16" s="225"/>
      <c r="AI16" s="225"/>
      <c r="AJ16" s="225"/>
      <c r="AK16" s="225"/>
    </row>
    <row r="17" spans="1:56">
      <c r="A17" s="44" t="s">
        <v>539</v>
      </c>
      <c r="B17" s="44">
        <v>99</v>
      </c>
      <c r="C17" s="132">
        <v>5.3379584894290426</v>
      </c>
      <c r="D17" s="133">
        <v>0.2029118536618911</v>
      </c>
      <c r="P17" s="225"/>
      <c r="Q17" s="225"/>
      <c r="R17" s="225"/>
      <c r="S17" s="225"/>
      <c r="T17" s="225"/>
      <c r="U17" s="225"/>
      <c r="V17" s="225"/>
      <c r="W17" s="225"/>
      <c r="X17" s="225"/>
      <c r="Y17" s="225"/>
      <c r="Z17" s="225"/>
      <c r="AA17" s="225"/>
      <c r="AB17" s="225"/>
      <c r="AC17" s="225"/>
      <c r="AD17" s="225"/>
      <c r="AE17" s="225"/>
      <c r="AF17" s="225"/>
      <c r="AG17" s="225"/>
      <c r="AH17" s="225"/>
      <c r="AI17" s="225"/>
      <c r="AJ17" s="225"/>
      <c r="AK17" s="225"/>
    </row>
    <row r="18" spans="1:56">
      <c r="A18" s="40" t="s">
        <v>540</v>
      </c>
      <c r="B18" s="128">
        <v>112</v>
      </c>
      <c r="C18" s="129">
        <v>5.4363850168117951</v>
      </c>
      <c r="D18" s="130">
        <v>0.19634261009298715</v>
      </c>
      <c r="P18" s="225"/>
      <c r="Q18" s="225"/>
      <c r="R18" s="225"/>
      <c r="S18" s="225"/>
      <c r="T18" s="225"/>
      <c r="U18" s="225"/>
      <c r="V18" s="225"/>
      <c r="W18" s="225"/>
      <c r="X18" s="225"/>
      <c r="Y18" s="225"/>
      <c r="Z18" s="225"/>
      <c r="AA18" s="225"/>
      <c r="AB18" s="225"/>
      <c r="AC18" s="225"/>
      <c r="AD18" s="225"/>
      <c r="AE18" s="225"/>
      <c r="AF18" s="225"/>
      <c r="AG18" s="225"/>
      <c r="AH18" s="225"/>
      <c r="AI18" s="225"/>
      <c r="AJ18" s="225"/>
      <c r="AK18" s="225"/>
    </row>
    <row r="19" spans="1:56">
      <c r="A19" s="44" t="s">
        <v>541</v>
      </c>
      <c r="B19" s="131">
        <v>110</v>
      </c>
      <c r="C19" s="132">
        <v>5.2790632702090416</v>
      </c>
      <c r="D19" s="133">
        <v>0.2228318725738852</v>
      </c>
      <c r="P19" s="225"/>
      <c r="Q19" s="225"/>
      <c r="R19" s="225"/>
      <c r="S19" s="225"/>
      <c r="T19" s="225"/>
      <c r="U19" s="225"/>
      <c r="V19" s="225"/>
      <c r="W19" s="225"/>
      <c r="X19" s="225"/>
      <c r="Y19" s="225"/>
      <c r="Z19" s="225"/>
      <c r="AA19" s="225"/>
      <c r="AB19" s="225"/>
      <c r="AC19" s="225"/>
      <c r="AD19" s="225"/>
      <c r="AE19" s="225"/>
      <c r="AF19" s="225"/>
      <c r="AG19" s="225"/>
      <c r="AH19" s="225"/>
      <c r="AI19" s="225"/>
      <c r="AJ19" s="225"/>
      <c r="AK19" s="225"/>
    </row>
    <row r="20" spans="1:56">
      <c r="A20" s="40" t="s">
        <v>542</v>
      </c>
      <c r="B20" s="78">
        <v>171</v>
      </c>
      <c r="C20" s="79">
        <v>4.9625998540353597</v>
      </c>
      <c r="D20" s="130">
        <v>0.18418690000618507</v>
      </c>
      <c r="P20" s="225"/>
      <c r="Q20" s="225"/>
      <c r="R20" s="225"/>
      <c r="S20" s="225"/>
      <c r="T20" s="225"/>
      <c r="U20" s="225"/>
      <c r="V20" s="225"/>
      <c r="W20" s="225"/>
      <c r="X20" s="225"/>
      <c r="Y20" s="225"/>
      <c r="Z20" s="225"/>
      <c r="AA20" s="225"/>
      <c r="AB20" s="225"/>
      <c r="AC20" s="225"/>
      <c r="AD20" s="225"/>
      <c r="AE20" s="225"/>
      <c r="AF20" s="225"/>
      <c r="AG20" s="225"/>
      <c r="AH20" s="225"/>
      <c r="AI20" s="225"/>
      <c r="AJ20" s="225"/>
      <c r="AK20" s="225"/>
    </row>
    <row r="21" spans="1:56">
      <c r="A21" s="44" t="s">
        <v>547</v>
      </c>
      <c r="B21" s="131">
        <v>70</v>
      </c>
      <c r="C21" s="132">
        <v>4.8102197722846594</v>
      </c>
      <c r="D21" s="133">
        <v>0.29170622313330519</v>
      </c>
      <c r="P21" s="225"/>
      <c r="Q21" s="225"/>
      <c r="R21" s="225"/>
      <c r="S21" s="225"/>
      <c r="T21" s="225"/>
      <c r="U21" s="225"/>
      <c r="V21" s="225"/>
      <c r="W21" s="225"/>
      <c r="X21" s="225"/>
      <c r="Y21" s="225"/>
      <c r="Z21" s="225"/>
      <c r="AA21" s="225"/>
      <c r="AB21" s="225"/>
      <c r="AC21" s="225"/>
      <c r="AD21" s="225"/>
      <c r="AE21" s="225"/>
      <c r="AF21" s="225"/>
      <c r="AG21" s="225"/>
      <c r="AH21" s="225"/>
      <c r="AI21" s="225"/>
      <c r="AJ21" s="225"/>
      <c r="AK21" s="225"/>
    </row>
    <row r="22" spans="1:56">
      <c r="A22" s="52" t="s">
        <v>548</v>
      </c>
      <c r="B22" s="128">
        <v>124</v>
      </c>
      <c r="C22" s="129">
        <v>5.4738692812152845</v>
      </c>
      <c r="D22" s="130">
        <v>0.19773098176857179</v>
      </c>
      <c r="P22" s="225"/>
      <c r="Q22" s="225"/>
      <c r="R22" s="225"/>
      <c r="S22" s="225"/>
      <c r="T22" s="225"/>
      <c r="U22" s="225"/>
      <c r="V22" s="225"/>
      <c r="W22" s="225"/>
      <c r="X22" s="225"/>
      <c r="Y22" s="225"/>
      <c r="Z22" s="225"/>
      <c r="AA22" s="225"/>
      <c r="AB22" s="225"/>
      <c r="AC22" s="225"/>
      <c r="AD22" s="225"/>
      <c r="AE22" s="225"/>
      <c r="AF22" s="225"/>
      <c r="AG22" s="225"/>
      <c r="AH22" s="225"/>
      <c r="AI22" s="225"/>
      <c r="AJ22" s="225"/>
      <c r="AK22" s="225"/>
    </row>
    <row r="23" spans="1:56">
      <c r="A23" s="44" t="s">
        <v>549</v>
      </c>
      <c r="B23" s="131">
        <v>98</v>
      </c>
      <c r="C23" s="132">
        <v>5.1968906949738152</v>
      </c>
      <c r="D23" s="133">
        <v>0.25769879866535578</v>
      </c>
      <c r="P23" s="225"/>
      <c r="Q23" s="225"/>
      <c r="R23" s="225"/>
      <c r="S23" s="225"/>
      <c r="T23" s="225"/>
      <c r="U23" s="225"/>
      <c r="V23" s="225"/>
      <c r="W23" s="225"/>
      <c r="X23" s="225"/>
      <c r="Y23" s="225"/>
      <c r="Z23" s="225"/>
      <c r="AA23" s="225"/>
      <c r="AB23" s="225"/>
      <c r="AC23" s="225"/>
      <c r="AD23" s="225"/>
      <c r="AE23" s="225"/>
      <c r="AF23" s="225"/>
      <c r="AG23" s="225"/>
      <c r="AH23" s="225"/>
      <c r="AI23" s="225"/>
      <c r="AJ23" s="225"/>
      <c r="AK23" s="225"/>
    </row>
    <row r="24" spans="1:56">
      <c r="A24" s="52" t="s">
        <v>550</v>
      </c>
      <c r="B24" s="128">
        <v>128</v>
      </c>
      <c r="C24" s="129">
        <v>5.0948855836336921</v>
      </c>
      <c r="D24" s="130">
        <v>0.22215132069203053</v>
      </c>
      <c r="P24" s="225"/>
      <c r="Q24" s="225"/>
      <c r="R24" s="225"/>
      <c r="S24" s="225"/>
      <c r="T24" s="225"/>
      <c r="U24" s="225"/>
      <c r="V24" s="225"/>
      <c r="W24" s="225"/>
      <c r="X24" s="225"/>
      <c r="Y24" s="225"/>
      <c r="Z24" s="225"/>
      <c r="AA24" s="225"/>
      <c r="AB24" s="225"/>
      <c r="AC24" s="225"/>
      <c r="AD24" s="225"/>
      <c r="AE24" s="225"/>
      <c r="AF24" s="225"/>
      <c r="AG24" s="225"/>
      <c r="AH24" s="225"/>
      <c r="AI24" s="225"/>
      <c r="AJ24" s="225"/>
      <c r="AK24" s="225"/>
    </row>
    <row r="25" spans="1:56">
      <c r="A25" s="44" t="s">
        <v>551</v>
      </c>
      <c r="B25" s="131">
        <v>117</v>
      </c>
      <c r="C25" s="132">
        <v>5.2765619125555254</v>
      </c>
      <c r="D25" s="133">
        <v>0.2423601566376016</v>
      </c>
      <c r="P25" s="225"/>
      <c r="Q25" s="225"/>
      <c r="R25" s="225"/>
      <c r="S25" s="225"/>
      <c r="T25" s="225"/>
      <c r="U25" s="225"/>
      <c r="V25" s="225"/>
      <c r="W25" s="225"/>
      <c r="X25" s="225"/>
      <c r="Y25" s="225"/>
      <c r="Z25" s="225"/>
      <c r="AA25" s="225"/>
      <c r="AB25" s="225"/>
      <c r="AC25" s="225"/>
      <c r="AD25" s="225"/>
      <c r="AE25" s="225"/>
      <c r="AF25" s="225"/>
      <c r="AG25" s="225"/>
      <c r="AH25" s="225"/>
      <c r="AI25" s="225"/>
      <c r="AJ25" s="225"/>
      <c r="AK25" s="225"/>
    </row>
    <row r="26" spans="1:56">
      <c r="A26" s="52" t="s">
        <v>543</v>
      </c>
      <c r="B26" s="128">
        <v>166</v>
      </c>
      <c r="C26" s="129">
        <v>5.8708958591767937</v>
      </c>
      <c r="D26" s="130">
        <v>0.13953258567047963</v>
      </c>
      <c r="P26" s="225"/>
      <c r="Q26" s="225"/>
      <c r="R26" s="225"/>
      <c r="S26" s="225"/>
      <c r="T26" s="225"/>
      <c r="U26" s="225"/>
      <c r="V26" s="225"/>
      <c r="W26" s="225"/>
      <c r="X26" s="225"/>
      <c r="Y26" s="225"/>
      <c r="Z26" s="225"/>
      <c r="AA26" s="225"/>
      <c r="AB26" s="225"/>
      <c r="AC26" s="225"/>
      <c r="AD26" s="225"/>
      <c r="AE26" s="225"/>
      <c r="AF26" s="225"/>
      <c r="AG26" s="225"/>
      <c r="AH26" s="225"/>
      <c r="AI26" s="225"/>
      <c r="AJ26" s="225"/>
      <c r="AK26" s="225"/>
    </row>
    <row r="27" spans="1:56">
      <c r="A27" s="44" t="s">
        <v>544</v>
      </c>
      <c r="B27" s="131">
        <v>48</v>
      </c>
      <c r="C27" s="132">
        <v>5.9918021480023285</v>
      </c>
      <c r="D27" s="133">
        <v>0.21873585332279355</v>
      </c>
      <c r="P27" s="225"/>
      <c r="Q27" s="225"/>
      <c r="R27" s="225"/>
      <c r="S27" s="225"/>
      <c r="T27" s="225"/>
      <c r="U27" s="225"/>
      <c r="V27" s="225"/>
      <c r="W27" s="225"/>
      <c r="X27" s="225"/>
      <c r="Y27" s="225"/>
      <c r="Z27" s="225"/>
      <c r="AA27" s="225"/>
      <c r="AB27" s="225"/>
      <c r="AC27" s="225"/>
      <c r="AD27" s="225"/>
      <c r="AE27" s="225"/>
      <c r="AF27" s="225"/>
      <c r="AG27" s="225"/>
      <c r="AH27" s="225"/>
      <c r="AI27" s="225"/>
      <c r="AJ27" s="225"/>
      <c r="AK27" s="225"/>
    </row>
    <row r="28" spans="1:56">
      <c r="A28" s="52" t="s">
        <v>552</v>
      </c>
      <c r="B28" s="128">
        <v>118</v>
      </c>
      <c r="C28" s="129">
        <v>5.8202982118521849</v>
      </c>
      <c r="D28" s="130">
        <v>0.1745622660171097</v>
      </c>
      <c r="P28" s="225"/>
      <c r="Q28" s="225"/>
      <c r="R28" s="225"/>
      <c r="S28" s="225"/>
      <c r="T28" s="225"/>
      <c r="U28" s="225"/>
      <c r="V28" s="225"/>
      <c r="W28" s="225"/>
      <c r="X28" s="225"/>
      <c r="Y28" s="225"/>
      <c r="Z28" s="225"/>
      <c r="AA28" s="225"/>
      <c r="AB28" s="225"/>
      <c r="AC28" s="225"/>
      <c r="AD28" s="225"/>
      <c r="AE28" s="225"/>
      <c r="AF28" s="225"/>
      <c r="AG28" s="225"/>
      <c r="AH28" s="225"/>
      <c r="AI28" s="225"/>
      <c r="AJ28" s="225"/>
      <c r="AK28" s="225"/>
    </row>
    <row r="29" spans="1:56">
      <c r="A29" s="44" t="s">
        <v>545</v>
      </c>
      <c r="B29" s="131">
        <v>185</v>
      </c>
      <c r="C29" s="132">
        <v>5.274408880840018</v>
      </c>
      <c r="D29" s="133">
        <v>0.16768450062415674</v>
      </c>
      <c r="P29" s="225"/>
      <c r="Q29" s="225"/>
      <c r="R29" s="225"/>
      <c r="S29" s="225"/>
      <c r="T29" s="225"/>
      <c r="U29" s="225"/>
      <c r="V29" s="225"/>
      <c r="W29" s="225"/>
      <c r="X29" s="225"/>
      <c r="Y29" s="225"/>
      <c r="Z29" s="225"/>
      <c r="AA29" s="225"/>
      <c r="AB29" s="225"/>
      <c r="AC29" s="225"/>
      <c r="AD29" s="225"/>
      <c r="AE29" s="225"/>
      <c r="AF29" s="225"/>
      <c r="AG29" s="225"/>
      <c r="AH29" s="225"/>
      <c r="AI29" s="225"/>
      <c r="AJ29" s="225"/>
      <c r="AK29" s="225"/>
    </row>
    <row r="30" spans="1:56">
      <c r="P30" s="225"/>
      <c r="Q30" s="225"/>
      <c r="R30" s="225"/>
      <c r="S30" s="225"/>
      <c r="T30" s="225"/>
      <c r="U30" s="225"/>
      <c r="V30" s="225"/>
      <c r="W30" s="225"/>
      <c r="X30" s="225"/>
      <c r="Y30" s="225"/>
      <c r="Z30" s="225"/>
      <c r="AA30" s="225"/>
      <c r="AB30" s="225"/>
      <c r="AC30" s="225"/>
      <c r="AD30" s="225"/>
      <c r="AE30" s="225"/>
      <c r="AF30" s="225"/>
      <c r="AG30" s="225"/>
      <c r="AH30" s="225"/>
      <c r="AI30" s="225"/>
      <c r="AJ30" s="225"/>
      <c r="AK30" s="225"/>
    </row>
    <row r="31" spans="1:56">
      <c r="P31" s="225"/>
      <c r="Q31" s="225"/>
      <c r="R31" s="225"/>
      <c r="S31" s="225"/>
      <c r="T31" s="225"/>
      <c r="U31" s="225"/>
      <c r="V31" s="225"/>
      <c r="W31" s="225"/>
      <c r="X31" s="225"/>
      <c r="Y31" s="225"/>
      <c r="Z31" s="225"/>
      <c r="AA31" s="225"/>
      <c r="AB31" s="225"/>
      <c r="AC31" s="225"/>
      <c r="AD31" s="225"/>
      <c r="AE31" s="225"/>
      <c r="AF31" s="225"/>
      <c r="AG31" s="225"/>
      <c r="AH31" s="225"/>
      <c r="AI31" s="225"/>
      <c r="AJ31" s="225"/>
      <c r="AK31" s="225"/>
    </row>
    <row r="32" spans="1:56" ht="18.75">
      <c r="A32" s="377" t="s">
        <v>497</v>
      </c>
      <c r="B32" s="377"/>
      <c r="C32" s="377"/>
      <c r="D32" s="377"/>
      <c r="E32" s="377"/>
      <c r="F32" s="377"/>
      <c r="G32" s="377"/>
      <c r="H32" s="377"/>
      <c r="I32" s="377"/>
      <c r="J32" s="377"/>
      <c r="K32" s="377"/>
      <c r="L32" s="377"/>
      <c r="M32" s="377"/>
      <c r="N32" s="377"/>
      <c r="O32" s="377"/>
      <c r="P32" s="377"/>
      <c r="Q32" s="377"/>
      <c r="R32" s="377"/>
      <c r="S32" s="377"/>
      <c r="T32" s="377"/>
      <c r="U32" s="377"/>
      <c r="V32" s="377"/>
      <c r="W32" s="377"/>
      <c r="X32" s="377"/>
      <c r="Y32" s="377"/>
      <c r="Z32" s="377"/>
      <c r="AA32" s="377"/>
      <c r="AB32" s="377"/>
      <c r="AC32" s="377"/>
      <c r="AD32" s="377"/>
      <c r="AE32" s="377"/>
      <c r="AF32" s="377"/>
      <c r="AG32" s="377"/>
      <c r="AH32" s="377"/>
      <c r="AI32" s="377"/>
      <c r="AJ32" s="377"/>
      <c r="AK32" s="377"/>
      <c r="AL32" s="377"/>
      <c r="AM32" s="377"/>
      <c r="AN32" s="377"/>
      <c r="AO32" s="377"/>
      <c r="AP32" s="377"/>
      <c r="AQ32" s="377"/>
      <c r="AR32" s="377"/>
      <c r="AS32" s="377"/>
      <c r="AT32" s="377"/>
      <c r="AU32" s="377"/>
      <c r="AV32" s="377"/>
      <c r="AW32" s="377"/>
      <c r="AX32" s="377"/>
      <c r="AY32" s="377"/>
      <c r="AZ32" s="377"/>
      <c r="BA32" s="377"/>
      <c r="BB32" s="377"/>
      <c r="BC32" s="377"/>
      <c r="BD32" s="377"/>
    </row>
    <row r="33" spans="1:56" ht="66.75" customHeight="1">
      <c r="A33" s="376" t="s">
        <v>583</v>
      </c>
      <c r="B33" s="376"/>
      <c r="C33" s="376"/>
      <c r="D33" s="376"/>
      <c r="E33" s="376"/>
      <c r="F33" s="376"/>
      <c r="G33" s="376"/>
      <c r="H33" s="376"/>
      <c r="I33" s="376"/>
      <c r="J33" s="376"/>
      <c r="K33" s="376"/>
      <c r="L33" s="376"/>
      <c r="M33" s="376"/>
      <c r="N33" s="376"/>
      <c r="O33" s="376"/>
      <c r="P33" s="376"/>
      <c r="Q33" s="376"/>
      <c r="R33" s="376"/>
      <c r="S33" s="376"/>
      <c r="T33" s="376"/>
      <c r="U33" s="376"/>
      <c r="V33" s="376"/>
      <c r="W33" s="376"/>
      <c r="X33" s="376"/>
      <c r="Y33" s="376"/>
      <c r="Z33" s="376"/>
      <c r="AA33" s="376"/>
      <c r="AB33" s="376"/>
      <c r="AC33" s="376"/>
      <c r="AD33" s="376"/>
      <c r="AE33" s="376"/>
      <c r="AF33" s="376"/>
      <c r="AG33" s="376"/>
      <c r="AH33" s="376"/>
      <c r="AI33" s="376"/>
      <c r="AJ33" s="376"/>
      <c r="AK33" s="376"/>
      <c r="AL33" s="376"/>
      <c r="AM33" s="376"/>
      <c r="AN33" s="376"/>
      <c r="AO33" s="376"/>
      <c r="AP33" s="376"/>
      <c r="AQ33" s="376"/>
      <c r="AR33" s="376"/>
      <c r="AS33" s="376"/>
      <c r="AT33" s="376"/>
      <c r="AU33" s="376"/>
      <c r="AV33" s="376"/>
      <c r="AW33" s="376"/>
      <c r="AX33" s="376"/>
      <c r="AY33" s="376"/>
      <c r="AZ33" s="376"/>
      <c r="BA33" s="376"/>
      <c r="BB33" s="376"/>
      <c r="BC33" s="376"/>
      <c r="BD33" s="376"/>
    </row>
    <row r="34" spans="1:56" ht="39.75" customHeight="1">
      <c r="A34" s="59"/>
      <c r="B34" s="357" t="s">
        <v>364</v>
      </c>
      <c r="C34" s="358"/>
      <c r="D34" s="358"/>
      <c r="E34" s="358"/>
      <c r="F34" s="358"/>
      <c r="G34" s="358"/>
      <c r="H34" s="358"/>
      <c r="I34" s="358"/>
      <c r="J34" s="358"/>
      <c r="K34" s="358"/>
      <c r="L34" s="359"/>
      <c r="M34" s="364" t="s">
        <v>84</v>
      </c>
      <c r="N34" s="365"/>
      <c r="O34" s="365"/>
      <c r="P34" s="365"/>
      <c r="Q34" s="365"/>
      <c r="R34" s="365"/>
      <c r="S34" s="365"/>
      <c r="T34" s="365"/>
      <c r="U34" s="365"/>
      <c r="V34" s="365"/>
      <c r="W34" s="365"/>
      <c r="X34" s="357" t="s">
        <v>365</v>
      </c>
      <c r="Y34" s="358"/>
      <c r="Z34" s="358"/>
      <c r="AA34" s="358"/>
      <c r="AB34" s="358"/>
      <c r="AC34" s="358"/>
      <c r="AD34" s="358"/>
      <c r="AE34" s="358"/>
      <c r="AF34" s="358"/>
      <c r="AG34" s="358"/>
      <c r="AH34" s="359"/>
      <c r="AI34" s="364" t="s">
        <v>366</v>
      </c>
      <c r="AJ34" s="365"/>
      <c r="AK34" s="365"/>
      <c r="AL34" s="365"/>
      <c r="AM34" s="365"/>
      <c r="AN34" s="365"/>
      <c r="AO34" s="365"/>
      <c r="AP34" s="365"/>
      <c r="AQ34" s="365"/>
      <c r="AR34" s="365"/>
      <c r="AS34" s="365"/>
      <c r="AT34" s="357" t="s">
        <v>367</v>
      </c>
      <c r="AU34" s="358"/>
      <c r="AV34" s="358"/>
      <c r="AW34" s="358"/>
      <c r="AX34" s="358"/>
      <c r="AY34" s="358"/>
      <c r="AZ34" s="358"/>
      <c r="BA34" s="358"/>
      <c r="BB34" s="358"/>
      <c r="BC34" s="358"/>
      <c r="BD34" s="359"/>
    </row>
    <row r="35" spans="1:56" ht="72">
      <c r="A35" s="32" t="s">
        <v>71</v>
      </c>
      <c r="B35" s="33" t="s">
        <v>72</v>
      </c>
      <c r="C35" s="34" t="s">
        <v>589</v>
      </c>
      <c r="D35" s="35" t="s">
        <v>73</v>
      </c>
      <c r="E35" s="33" t="s">
        <v>156</v>
      </c>
      <c r="F35" s="84" t="s">
        <v>85</v>
      </c>
      <c r="G35" s="33" t="s">
        <v>157</v>
      </c>
      <c r="H35" s="84" t="s">
        <v>86</v>
      </c>
      <c r="I35" s="33" t="s">
        <v>158</v>
      </c>
      <c r="J35" s="84" t="s">
        <v>87</v>
      </c>
      <c r="K35" s="33" t="s">
        <v>301</v>
      </c>
      <c r="L35" s="84" t="s">
        <v>300</v>
      </c>
      <c r="M35" s="60" t="s">
        <v>72</v>
      </c>
      <c r="N35" s="60" t="s">
        <v>589</v>
      </c>
      <c r="O35" s="60" t="s">
        <v>73</v>
      </c>
      <c r="P35" s="60" t="s">
        <v>156</v>
      </c>
      <c r="Q35" s="83" t="s">
        <v>85</v>
      </c>
      <c r="R35" s="60" t="s">
        <v>157</v>
      </c>
      <c r="S35" s="83" t="s">
        <v>86</v>
      </c>
      <c r="T35" s="60" t="s">
        <v>158</v>
      </c>
      <c r="U35" s="83" t="s">
        <v>87</v>
      </c>
      <c r="V35" s="60" t="s">
        <v>301</v>
      </c>
      <c r="W35" s="83" t="s">
        <v>300</v>
      </c>
      <c r="X35" s="33" t="s">
        <v>72</v>
      </c>
      <c r="Y35" s="34" t="s">
        <v>589</v>
      </c>
      <c r="Z35" s="35" t="s">
        <v>73</v>
      </c>
      <c r="AA35" s="33" t="s">
        <v>156</v>
      </c>
      <c r="AB35" s="84" t="s">
        <v>85</v>
      </c>
      <c r="AC35" s="33" t="s">
        <v>157</v>
      </c>
      <c r="AD35" s="84" t="s">
        <v>86</v>
      </c>
      <c r="AE35" s="33" t="s">
        <v>158</v>
      </c>
      <c r="AF35" s="84" t="s">
        <v>87</v>
      </c>
      <c r="AG35" s="33" t="s">
        <v>301</v>
      </c>
      <c r="AH35" s="84" t="s">
        <v>300</v>
      </c>
      <c r="AI35" s="60" t="s">
        <v>72</v>
      </c>
      <c r="AJ35" s="60" t="s">
        <v>589</v>
      </c>
      <c r="AK35" s="60" t="s">
        <v>73</v>
      </c>
      <c r="AL35" s="60" t="s">
        <v>156</v>
      </c>
      <c r="AM35" s="83" t="s">
        <v>85</v>
      </c>
      <c r="AN35" s="60" t="s">
        <v>157</v>
      </c>
      <c r="AO35" s="83" t="s">
        <v>86</v>
      </c>
      <c r="AP35" s="60" t="s">
        <v>158</v>
      </c>
      <c r="AQ35" s="83" t="s">
        <v>87</v>
      </c>
      <c r="AR35" s="60" t="s">
        <v>301</v>
      </c>
      <c r="AS35" s="83" t="s">
        <v>300</v>
      </c>
      <c r="AT35" s="33" t="s">
        <v>72</v>
      </c>
      <c r="AU35" s="34" t="s">
        <v>589</v>
      </c>
      <c r="AV35" s="35" t="s">
        <v>73</v>
      </c>
      <c r="AW35" s="33" t="s">
        <v>156</v>
      </c>
      <c r="AX35" s="84" t="s">
        <v>85</v>
      </c>
      <c r="AY35" s="33" t="s">
        <v>157</v>
      </c>
      <c r="AZ35" s="84" t="s">
        <v>86</v>
      </c>
      <c r="BA35" s="33" t="s">
        <v>158</v>
      </c>
      <c r="BB35" s="84" t="s">
        <v>87</v>
      </c>
      <c r="BC35" s="33" t="s">
        <v>301</v>
      </c>
      <c r="BD35" s="84" t="s">
        <v>300</v>
      </c>
    </row>
    <row r="36" spans="1:56" ht="92.25" customHeight="1">
      <c r="A36" s="36"/>
      <c r="B36" s="37" t="s">
        <v>74</v>
      </c>
      <c r="C36" s="38" t="s">
        <v>302</v>
      </c>
      <c r="D36" s="39" t="s">
        <v>76</v>
      </c>
      <c r="E36" s="37" t="s">
        <v>159</v>
      </c>
      <c r="F36" s="86" t="s">
        <v>88</v>
      </c>
      <c r="G36" s="37" t="s">
        <v>160</v>
      </c>
      <c r="H36" s="86" t="s">
        <v>88</v>
      </c>
      <c r="I36" s="37" t="s">
        <v>161</v>
      </c>
      <c r="J36" s="86" t="s">
        <v>88</v>
      </c>
      <c r="K36" s="37" t="s">
        <v>301</v>
      </c>
      <c r="L36" s="86" t="s">
        <v>88</v>
      </c>
      <c r="M36" s="63" t="s">
        <v>74</v>
      </c>
      <c r="N36" s="63" t="s">
        <v>302</v>
      </c>
      <c r="O36" s="63" t="s">
        <v>76</v>
      </c>
      <c r="P36" s="63" t="s">
        <v>159</v>
      </c>
      <c r="Q36" s="85" t="s">
        <v>88</v>
      </c>
      <c r="R36" s="63" t="s">
        <v>160</v>
      </c>
      <c r="S36" s="85" t="s">
        <v>88</v>
      </c>
      <c r="T36" s="63" t="s">
        <v>161</v>
      </c>
      <c r="U36" s="85" t="s">
        <v>88</v>
      </c>
      <c r="V36" s="63" t="s">
        <v>301</v>
      </c>
      <c r="W36" s="85" t="s">
        <v>88</v>
      </c>
      <c r="X36" s="37" t="s">
        <v>74</v>
      </c>
      <c r="Y36" s="38" t="s">
        <v>302</v>
      </c>
      <c r="Z36" s="39" t="s">
        <v>76</v>
      </c>
      <c r="AA36" s="37" t="s">
        <v>159</v>
      </c>
      <c r="AB36" s="86" t="s">
        <v>88</v>
      </c>
      <c r="AC36" s="37" t="s">
        <v>160</v>
      </c>
      <c r="AD36" s="86" t="s">
        <v>88</v>
      </c>
      <c r="AE36" s="37" t="s">
        <v>161</v>
      </c>
      <c r="AF36" s="86" t="s">
        <v>88</v>
      </c>
      <c r="AG36" s="37" t="s">
        <v>301</v>
      </c>
      <c r="AH36" s="86" t="s">
        <v>88</v>
      </c>
      <c r="AI36" s="63" t="s">
        <v>74</v>
      </c>
      <c r="AJ36" s="63" t="s">
        <v>302</v>
      </c>
      <c r="AK36" s="63" t="s">
        <v>76</v>
      </c>
      <c r="AL36" s="63" t="s">
        <v>159</v>
      </c>
      <c r="AM36" s="85" t="s">
        <v>88</v>
      </c>
      <c r="AN36" s="63" t="s">
        <v>160</v>
      </c>
      <c r="AO36" s="85" t="s">
        <v>88</v>
      </c>
      <c r="AP36" s="63" t="s">
        <v>161</v>
      </c>
      <c r="AQ36" s="85" t="s">
        <v>88</v>
      </c>
      <c r="AR36" s="63" t="s">
        <v>301</v>
      </c>
      <c r="AS36" s="85" t="s">
        <v>88</v>
      </c>
      <c r="AT36" s="37" t="s">
        <v>74</v>
      </c>
      <c r="AU36" s="38" t="s">
        <v>302</v>
      </c>
      <c r="AV36" s="39" t="s">
        <v>76</v>
      </c>
      <c r="AW36" s="37" t="s">
        <v>159</v>
      </c>
      <c r="AX36" s="86" t="s">
        <v>88</v>
      </c>
      <c r="AY36" s="37" t="s">
        <v>160</v>
      </c>
      <c r="AZ36" s="86" t="s">
        <v>88</v>
      </c>
      <c r="BA36" s="37" t="s">
        <v>161</v>
      </c>
      <c r="BB36" s="86" t="s">
        <v>88</v>
      </c>
      <c r="BC36" s="37" t="s">
        <v>301</v>
      </c>
      <c r="BD36" s="86" t="s">
        <v>88</v>
      </c>
    </row>
    <row r="37" spans="1:56">
      <c r="A37" s="40" t="s">
        <v>350</v>
      </c>
      <c r="B37" s="95">
        <v>14077</v>
      </c>
      <c r="C37" s="96">
        <v>5.6717195030164307</v>
      </c>
      <c r="D37" s="97">
        <v>2.2006655167935329E-2</v>
      </c>
      <c r="E37" s="88">
        <v>6.7939177629308845E-2</v>
      </c>
      <c r="F37" s="89">
        <v>4.2448158483552227E-3</v>
      </c>
      <c r="G37" s="88">
        <v>9.8358568809517877E-2</v>
      </c>
      <c r="H37" s="89">
        <v>5.0218130243042756E-3</v>
      </c>
      <c r="I37" s="88">
        <v>0.8257634858875279</v>
      </c>
      <c r="J37" s="89">
        <v>6.3944270113314647E-3</v>
      </c>
      <c r="K37" s="88">
        <v>7.9387676736491011E-3</v>
      </c>
      <c r="L37" s="89">
        <v>1.5087543635825945E-3</v>
      </c>
      <c r="M37" s="87">
        <v>13888</v>
      </c>
      <c r="N37" s="96">
        <v>4.7609655299294502</v>
      </c>
      <c r="O37" s="97">
        <v>2.4780577644294373E-2</v>
      </c>
      <c r="P37" s="88">
        <v>0.16101703319469568</v>
      </c>
      <c r="Q37" s="89">
        <v>6.2383023087637032E-3</v>
      </c>
      <c r="R37" s="88">
        <v>0.20081184660958318</v>
      </c>
      <c r="S37" s="89">
        <v>6.7988665767560385E-3</v>
      </c>
      <c r="T37" s="88">
        <v>0.55179722526924591</v>
      </c>
      <c r="U37" s="89">
        <v>8.4387086173694625E-3</v>
      </c>
      <c r="V37" s="88">
        <v>8.6373894926489211E-2</v>
      </c>
      <c r="W37" s="89">
        <v>4.7697323725509047E-3</v>
      </c>
      <c r="X37" s="95">
        <v>13988</v>
      </c>
      <c r="Y37" s="96">
        <v>5.4647883414652423</v>
      </c>
      <c r="Z37" s="97">
        <v>2.3873255796919322E-2</v>
      </c>
      <c r="AA37" s="88">
        <v>9.493294388461665E-2</v>
      </c>
      <c r="AB37" s="89">
        <v>4.9587918774402833E-3</v>
      </c>
      <c r="AC37" s="88">
        <v>0.13882229336557911</v>
      </c>
      <c r="AD37" s="89">
        <v>5.8479211209676108E-3</v>
      </c>
      <c r="AE37" s="88">
        <v>0.75480760630495358</v>
      </c>
      <c r="AF37" s="89">
        <v>7.2745355965066223E-3</v>
      </c>
      <c r="AG37" s="88">
        <v>1.1437156444856489E-2</v>
      </c>
      <c r="AH37" s="89">
        <v>1.8086573734438583E-3</v>
      </c>
      <c r="AI37" s="87">
        <v>13944</v>
      </c>
      <c r="AJ37" s="96">
        <v>5.3636066188661893</v>
      </c>
      <c r="AK37" s="97">
        <v>2.4887361890588471E-2</v>
      </c>
      <c r="AL37" s="88">
        <v>9.8959852403268211E-2</v>
      </c>
      <c r="AM37" s="89">
        <v>5.0594128305096559E-3</v>
      </c>
      <c r="AN37" s="88">
        <v>0.13544595495136738</v>
      </c>
      <c r="AO37" s="89">
        <v>5.796881252894309E-3</v>
      </c>
      <c r="AP37" s="88">
        <v>0.73981757192299402</v>
      </c>
      <c r="AQ37" s="89">
        <v>7.4304058022558496E-3</v>
      </c>
      <c r="AR37" s="88">
        <v>2.5776620722375066E-2</v>
      </c>
      <c r="AS37" s="89">
        <v>2.6904729721280692E-3</v>
      </c>
      <c r="AT37" s="95">
        <v>13946</v>
      </c>
      <c r="AU37" s="96">
        <v>5.2427828296385561</v>
      </c>
      <c r="AV37" s="97">
        <v>2.4062594200143159E-2</v>
      </c>
      <c r="AW37" s="88">
        <v>0.11644986583040216</v>
      </c>
      <c r="AX37" s="89">
        <v>5.4338286480597135E-3</v>
      </c>
      <c r="AY37" s="88">
        <v>0.16078765872578515</v>
      </c>
      <c r="AZ37" s="89">
        <v>6.2217324091287576E-3</v>
      </c>
      <c r="BA37" s="88">
        <v>0.70942705138245044</v>
      </c>
      <c r="BB37" s="89">
        <v>7.6886633308146631E-3</v>
      </c>
      <c r="BC37" s="88">
        <v>1.3335424061372461E-2</v>
      </c>
      <c r="BD37" s="89">
        <v>1.95236422490348E-3</v>
      </c>
    </row>
    <row r="38" spans="1:56">
      <c r="A38" s="44" t="s">
        <v>351</v>
      </c>
      <c r="B38" s="99">
        <v>10234</v>
      </c>
      <c r="C38" s="100">
        <v>5.8006953589647354</v>
      </c>
      <c r="D38" s="101">
        <v>2.5271619982050172E-2</v>
      </c>
      <c r="E38" s="91">
        <v>5.9659676196670029E-2</v>
      </c>
      <c r="F38" s="92">
        <v>4.6880363081661094E-3</v>
      </c>
      <c r="G38" s="91">
        <v>8.7849764391385393E-2</v>
      </c>
      <c r="H38" s="92">
        <v>5.5999641570346195E-3</v>
      </c>
      <c r="I38" s="91">
        <v>0.84853044784628484</v>
      </c>
      <c r="J38" s="92">
        <v>7.0889040262602544E-3</v>
      </c>
      <c r="K38" s="91">
        <v>3.9601115656494072E-3</v>
      </c>
      <c r="L38" s="92">
        <v>1.2712979478293133E-3</v>
      </c>
      <c r="M38" s="90">
        <v>10171</v>
      </c>
      <c r="N38" s="100">
        <v>4.9518092136617637</v>
      </c>
      <c r="O38" s="101">
        <v>2.8316101659227592E-2</v>
      </c>
      <c r="P38" s="91">
        <v>0.13800811947648678</v>
      </c>
      <c r="Q38" s="92">
        <v>6.8415520660949705E-3</v>
      </c>
      <c r="R38" s="91">
        <v>0.17956461148555583</v>
      </c>
      <c r="S38" s="92">
        <v>7.6122719028059805E-3</v>
      </c>
      <c r="T38" s="91">
        <v>0.61278144913559662</v>
      </c>
      <c r="U38" s="92">
        <v>9.6583473281565656E-3</v>
      </c>
      <c r="V38" s="91">
        <v>6.9645819902353454E-2</v>
      </c>
      <c r="W38" s="92">
        <v>5.0526803767661395E-3</v>
      </c>
      <c r="X38" s="99">
        <v>10172</v>
      </c>
      <c r="Y38" s="100">
        <v>5.5869534231471416</v>
      </c>
      <c r="Z38" s="101">
        <v>2.764728689001332E-2</v>
      </c>
      <c r="AA38" s="91">
        <v>9.1978480837174081E-2</v>
      </c>
      <c r="AB38" s="92">
        <v>5.7341967651713087E-3</v>
      </c>
      <c r="AC38" s="91">
        <v>0.1198177965089597</v>
      </c>
      <c r="AD38" s="92">
        <v>6.4420219270535962E-3</v>
      </c>
      <c r="AE38" s="91">
        <v>0.78034738616704957</v>
      </c>
      <c r="AF38" s="92">
        <v>8.2097866696426124E-3</v>
      </c>
      <c r="AG38" s="91">
        <v>7.8563364868076968E-3</v>
      </c>
      <c r="AH38" s="92">
        <v>1.7716528897605086E-3</v>
      </c>
      <c r="AI38" s="90">
        <v>10132</v>
      </c>
      <c r="AJ38" s="100">
        <v>5.3689438075203624</v>
      </c>
      <c r="AK38" s="101">
        <v>2.9776632696467912E-2</v>
      </c>
      <c r="AL38" s="91">
        <v>0.10558743794912794</v>
      </c>
      <c r="AM38" s="92">
        <v>6.1087709107046752E-3</v>
      </c>
      <c r="AN38" s="91">
        <v>0.13562741111890766</v>
      </c>
      <c r="AO38" s="92">
        <v>6.8047926543176093E-3</v>
      </c>
      <c r="AP38" s="91">
        <v>0.73746734649363577</v>
      </c>
      <c r="AQ38" s="92">
        <v>8.7419769929064986E-3</v>
      </c>
      <c r="AR38" s="91">
        <v>2.1317804438321323E-2</v>
      </c>
      <c r="AS38" s="92">
        <v>2.8817917428090381E-3</v>
      </c>
      <c r="AT38" s="99">
        <v>10137</v>
      </c>
      <c r="AU38" s="100">
        <v>5.3929460011779753</v>
      </c>
      <c r="AV38" s="101">
        <v>2.7648857802395448E-2</v>
      </c>
      <c r="AW38" s="91">
        <v>0.10402958928087169</v>
      </c>
      <c r="AX38" s="92">
        <v>6.0674023478873556E-3</v>
      </c>
      <c r="AY38" s="91">
        <v>0.13741601575282386</v>
      </c>
      <c r="AZ38" s="92">
        <v>6.8406733060973873E-3</v>
      </c>
      <c r="BA38" s="91">
        <v>0.74984691661001823</v>
      </c>
      <c r="BB38" s="92">
        <v>8.6027208045495827E-3</v>
      </c>
      <c r="BC38" s="91">
        <v>8.70747835627869E-3</v>
      </c>
      <c r="BD38" s="92">
        <v>1.86540820302059E-3</v>
      </c>
    </row>
    <row r="39" spans="1:56">
      <c r="A39" s="40" t="s">
        <v>352</v>
      </c>
      <c r="B39" s="95">
        <v>3843</v>
      </c>
      <c r="C39" s="96">
        <v>5.5695685726458244</v>
      </c>
      <c r="D39" s="97">
        <v>4.3671051724268904E-2</v>
      </c>
      <c r="E39" s="88">
        <v>7.4449882927680469E-2</v>
      </c>
      <c r="F39" s="89">
        <v>8.4875781931290414E-3</v>
      </c>
      <c r="G39" s="88">
        <v>0.10662231864534301</v>
      </c>
      <c r="H39" s="89">
        <v>9.9687910920710637E-3</v>
      </c>
      <c r="I39" s="88">
        <v>0.80786035717153071</v>
      </c>
      <c r="J39" s="89">
        <v>1.2712206754343047E-2</v>
      </c>
      <c r="K39" s="88">
        <v>1.1067441255447584E-2</v>
      </c>
      <c r="L39" s="89">
        <v>3.4491847089210535E-3</v>
      </c>
      <c r="M39" s="87">
        <v>3717</v>
      </c>
      <c r="N39" s="96">
        <v>4.601883811526486</v>
      </c>
      <c r="O39" s="97">
        <v>4.8929803325579023E-2</v>
      </c>
      <c r="P39" s="88">
        <v>0.17957361283544582</v>
      </c>
      <c r="Q39" s="89">
        <v>1.2594071914070342E-2</v>
      </c>
      <c r="R39" s="88">
        <v>0.21794764083061524</v>
      </c>
      <c r="S39" s="89">
        <v>1.3542905101077555E-2</v>
      </c>
      <c r="T39" s="88">
        <v>0.50261373834476852</v>
      </c>
      <c r="U39" s="89">
        <v>1.6393219114925386E-2</v>
      </c>
      <c r="V39" s="88">
        <v>9.9865007989171237E-2</v>
      </c>
      <c r="W39" s="89">
        <v>9.8489548838999168E-3</v>
      </c>
      <c r="X39" s="95">
        <v>3816</v>
      </c>
      <c r="Y39" s="96">
        <v>5.3680021337149011</v>
      </c>
      <c r="Z39" s="97">
        <v>4.6310427609142078E-2</v>
      </c>
      <c r="AA39" s="88">
        <v>9.7258541741567991E-2</v>
      </c>
      <c r="AB39" s="89">
        <v>9.6068707549487944E-3</v>
      </c>
      <c r="AC39" s="88">
        <v>0.15378163333786277</v>
      </c>
      <c r="AD39" s="89">
        <v>1.1684497352447126E-2</v>
      </c>
      <c r="AE39" s="88">
        <v>0.73470403541554274</v>
      </c>
      <c r="AF39" s="89">
        <v>1.4290527697099509E-2</v>
      </c>
      <c r="AG39" s="88">
        <v>1.4255789505028236E-2</v>
      </c>
      <c r="AH39" s="89">
        <v>3.902802593986324E-3</v>
      </c>
      <c r="AI39" s="87">
        <v>3812</v>
      </c>
      <c r="AJ39" s="96">
        <v>5.3593951931661827</v>
      </c>
      <c r="AK39" s="97">
        <v>4.4941211060316094E-2</v>
      </c>
      <c r="AL39" s="88">
        <v>9.3772684357470021E-2</v>
      </c>
      <c r="AM39" s="89">
        <v>9.4572380803216761E-3</v>
      </c>
      <c r="AN39" s="88">
        <v>0.13530393586651437</v>
      </c>
      <c r="AO39" s="89">
        <v>1.108739190888117E-2</v>
      </c>
      <c r="AP39" s="88">
        <v>0.74165700713861027</v>
      </c>
      <c r="AQ39" s="89">
        <v>1.4176347215489897E-2</v>
      </c>
      <c r="AR39" s="88">
        <v>2.9266372637407598E-2</v>
      </c>
      <c r="AS39" s="89">
        <v>5.5014919047469413E-3</v>
      </c>
      <c r="AT39" s="95">
        <v>3809</v>
      </c>
      <c r="AU39" s="96">
        <v>5.1237387333291071</v>
      </c>
      <c r="AV39" s="97">
        <v>4.7389960806706481E-2</v>
      </c>
      <c r="AW39" s="88">
        <v>0.12621411834361967</v>
      </c>
      <c r="AX39" s="89">
        <v>1.0770334328048033E-2</v>
      </c>
      <c r="AY39" s="88">
        <v>0.17916137389442194</v>
      </c>
      <c r="AZ39" s="89">
        <v>1.2429858142465144E-2</v>
      </c>
      <c r="BA39" s="88">
        <v>0.67765080477001594</v>
      </c>
      <c r="BB39" s="89">
        <v>1.5140096599956869E-2</v>
      </c>
      <c r="BC39" s="88">
        <v>1.6973702991942313E-2</v>
      </c>
      <c r="BD39" s="89">
        <v>4.2446619666232479E-3</v>
      </c>
    </row>
    <row r="40" spans="1:56">
      <c r="A40" s="44" t="s">
        <v>534</v>
      </c>
      <c r="B40" s="99">
        <v>1903</v>
      </c>
      <c r="C40" s="100">
        <v>5.6881851268109287</v>
      </c>
      <c r="D40" s="101">
        <v>5.9095157912336473E-2</v>
      </c>
      <c r="E40" s="91">
        <v>6.3537782328659531E-2</v>
      </c>
      <c r="F40" s="92">
        <v>1.1246305908877914E-2</v>
      </c>
      <c r="G40" s="91">
        <v>9.1689666516418369E-2</v>
      </c>
      <c r="H40" s="92">
        <v>1.3272294839748672E-2</v>
      </c>
      <c r="I40" s="91">
        <v>0.83772436309084752</v>
      </c>
      <c r="J40" s="92">
        <v>1.6915858464660434E-2</v>
      </c>
      <c r="K40" s="91">
        <v>7.048188064075281E-3</v>
      </c>
      <c r="L40" s="92">
        <v>4.1006862292568592E-3</v>
      </c>
      <c r="M40" s="90">
        <v>1880</v>
      </c>
      <c r="N40" s="100">
        <v>4.8400600099931514</v>
      </c>
      <c r="O40" s="101">
        <v>6.8253700455311081E-2</v>
      </c>
      <c r="P40" s="91">
        <v>0.15446730117730956</v>
      </c>
      <c r="Q40" s="92">
        <v>1.6684507977882367E-2</v>
      </c>
      <c r="R40" s="91">
        <v>0.19181010162602705</v>
      </c>
      <c r="S40" s="92">
        <v>1.8165427301256594E-2</v>
      </c>
      <c r="T40" s="91">
        <v>0.57289068625261297</v>
      </c>
      <c r="U40" s="92">
        <v>2.2793706279194324E-2</v>
      </c>
      <c r="V40" s="91">
        <v>8.0831910944053412E-2</v>
      </c>
      <c r="W40" s="92">
        <v>1.2622512266644336E-2</v>
      </c>
      <c r="X40" s="99">
        <v>1890</v>
      </c>
      <c r="Y40" s="100">
        <v>5.470617089987039</v>
      </c>
      <c r="Z40" s="101">
        <v>6.3830242371411883E-2</v>
      </c>
      <c r="AA40" s="91">
        <v>9.7321709083184244E-2</v>
      </c>
      <c r="AB40" s="92">
        <v>1.3674012044830961E-2</v>
      </c>
      <c r="AC40" s="91">
        <v>0.14082746462947748</v>
      </c>
      <c r="AD40" s="92">
        <v>1.6021330405758011E-2</v>
      </c>
      <c r="AE40" s="91">
        <v>0.74883890930933783</v>
      </c>
      <c r="AF40" s="92">
        <v>1.994397994576394E-2</v>
      </c>
      <c r="AG40" s="91">
        <v>1.3011916978003404E-2</v>
      </c>
      <c r="AH40" s="92">
        <v>5.407037141831432E-3</v>
      </c>
      <c r="AI40" s="90">
        <v>1884</v>
      </c>
      <c r="AJ40" s="100">
        <v>5.3487461167747661</v>
      </c>
      <c r="AK40" s="101">
        <v>6.6902094215499641E-2</v>
      </c>
      <c r="AL40" s="91">
        <v>9.9592143587654378E-2</v>
      </c>
      <c r="AM40" s="92">
        <v>1.3835610085917011E-2</v>
      </c>
      <c r="AN40" s="91">
        <v>0.14890526968317416</v>
      </c>
      <c r="AO40" s="92">
        <v>1.6419697825602146E-2</v>
      </c>
      <c r="AP40" s="91">
        <v>0.73357520548249577</v>
      </c>
      <c r="AQ40" s="92">
        <v>2.0360810740833103E-2</v>
      </c>
      <c r="AR40" s="91">
        <v>1.7927381246678392E-2</v>
      </c>
      <c r="AS40" s="92">
        <v>6.2757381044428332E-3</v>
      </c>
      <c r="AT40" s="99">
        <v>1883</v>
      </c>
      <c r="AU40" s="100">
        <v>5.2609669373849961</v>
      </c>
      <c r="AV40" s="101">
        <v>6.5836008687554945E-2</v>
      </c>
      <c r="AW40" s="91">
        <v>0.1171144240769139</v>
      </c>
      <c r="AX40" s="92">
        <v>1.4849144149948366E-2</v>
      </c>
      <c r="AY40" s="91">
        <v>0.15208458652935769</v>
      </c>
      <c r="AZ40" s="92">
        <v>1.6566257972297806E-2</v>
      </c>
      <c r="BA40" s="91">
        <v>0.71726354863025032</v>
      </c>
      <c r="BB40" s="92">
        <v>2.0743798094750372E-2</v>
      </c>
      <c r="BC40" s="91">
        <v>1.3537440763481226E-2</v>
      </c>
      <c r="BD40" s="92">
        <v>5.5165373650513921E-3</v>
      </c>
    </row>
    <row r="41" spans="1:56">
      <c r="A41" s="40" t="s">
        <v>535</v>
      </c>
      <c r="B41" s="95">
        <v>1543</v>
      </c>
      <c r="C41" s="96">
        <v>5.6708977338146456</v>
      </c>
      <c r="D41" s="97">
        <v>6.6097879884532071E-2</v>
      </c>
      <c r="E41" s="88">
        <v>6.7259881599662313E-2</v>
      </c>
      <c r="F41" s="89">
        <v>1.2834094883029888E-2</v>
      </c>
      <c r="G41" s="88">
        <v>0.10033300987446406</v>
      </c>
      <c r="H41" s="89">
        <v>1.534698940222482E-2</v>
      </c>
      <c r="I41" s="88">
        <v>0.82685515656409081</v>
      </c>
      <c r="J41" s="89">
        <v>1.9277007313000662E-2</v>
      </c>
      <c r="K41" s="88">
        <v>5.5519519617808679E-3</v>
      </c>
      <c r="L41" s="89">
        <v>4.1881313280606397E-3</v>
      </c>
      <c r="M41" s="87">
        <v>1531</v>
      </c>
      <c r="N41" s="96">
        <v>4.880947968259151</v>
      </c>
      <c r="O41" s="97">
        <v>7.6162563689973067E-2</v>
      </c>
      <c r="P41" s="88">
        <v>0.14937251235093751</v>
      </c>
      <c r="Q41" s="89">
        <v>1.8241968136316369E-2</v>
      </c>
      <c r="R41" s="88">
        <v>0.1885595652697441</v>
      </c>
      <c r="S41" s="89">
        <v>2.0000632505986621E-2</v>
      </c>
      <c r="T41" s="88">
        <v>0.58129191200150898</v>
      </c>
      <c r="U41" s="89">
        <v>2.5186006207674062E-2</v>
      </c>
      <c r="V41" s="88">
        <v>8.077601037780853E-2</v>
      </c>
      <c r="W41" s="89">
        <v>1.3995439696063284E-2</v>
      </c>
      <c r="X41" s="95">
        <v>1532</v>
      </c>
      <c r="Y41" s="96">
        <v>5.4377717518295903</v>
      </c>
      <c r="Z41" s="97">
        <v>7.232366122020438E-2</v>
      </c>
      <c r="AA41" s="88">
        <v>0.10524805780362735</v>
      </c>
      <c r="AB41" s="89">
        <v>1.5727286633462068E-2</v>
      </c>
      <c r="AC41" s="88">
        <v>0.14683900381659876</v>
      </c>
      <c r="AD41" s="89">
        <v>1.8108905374597542E-2</v>
      </c>
      <c r="AE41" s="88">
        <v>0.73595203328964098</v>
      </c>
      <c r="AF41" s="89">
        <v>2.2512509592729307E-2</v>
      </c>
      <c r="AG41" s="88">
        <v>1.1960905090131988E-2</v>
      </c>
      <c r="AH41" s="89">
        <v>5.8311213001989584E-3</v>
      </c>
      <c r="AI41" s="87">
        <v>1526</v>
      </c>
      <c r="AJ41" s="96">
        <v>5.3076773091814724</v>
      </c>
      <c r="AK41" s="97">
        <v>7.6333079325387701E-2</v>
      </c>
      <c r="AL41" s="88">
        <v>0.10767643499955667</v>
      </c>
      <c r="AM41" s="89">
        <v>1.5915295981927161E-2</v>
      </c>
      <c r="AN41" s="88">
        <v>0.15925795838684711</v>
      </c>
      <c r="AO41" s="89">
        <v>1.8751986609872727E-2</v>
      </c>
      <c r="AP41" s="88">
        <v>0.71587085777526527</v>
      </c>
      <c r="AQ41" s="89">
        <v>2.3073801207120014E-2</v>
      </c>
      <c r="AR41" s="88">
        <v>1.7194748838330387E-2</v>
      </c>
      <c r="AS41" s="89">
        <v>6.8820738061575642E-3</v>
      </c>
      <c r="AT41" s="95">
        <v>1526</v>
      </c>
      <c r="AU41" s="96">
        <v>5.2386853499803161</v>
      </c>
      <c r="AV41" s="97">
        <v>7.4807409112603127E-2</v>
      </c>
      <c r="AW41" s="88">
        <v>0.12737493889486187</v>
      </c>
      <c r="AX41" s="89">
        <v>1.7102201435123324E-2</v>
      </c>
      <c r="AY41" s="88">
        <v>0.15447141432205491</v>
      </c>
      <c r="AZ41" s="89">
        <v>1.852279584111648E-2</v>
      </c>
      <c r="BA41" s="88">
        <v>0.70490125886708821</v>
      </c>
      <c r="BB41" s="89">
        <v>2.3332476963786659E-2</v>
      </c>
      <c r="BC41" s="88">
        <v>1.3252387915994181E-2</v>
      </c>
      <c r="BD41" s="89">
        <v>6.117361360573329E-3</v>
      </c>
    </row>
    <row r="42" spans="1:56">
      <c r="A42" s="44" t="s">
        <v>546</v>
      </c>
      <c r="B42" s="99">
        <v>364</v>
      </c>
      <c r="C42" s="100">
        <v>5.7410840708310875</v>
      </c>
      <c r="D42" s="101">
        <v>0.13137720127724101</v>
      </c>
      <c r="E42" s="91">
        <v>5.1521354891689006E-2</v>
      </c>
      <c r="F42" s="92">
        <v>2.4050580782429599E-2</v>
      </c>
      <c r="G42" s="91">
        <v>6.6922001643450663E-2</v>
      </c>
      <c r="H42" s="92">
        <v>2.6885143055310392E-2</v>
      </c>
      <c r="I42" s="91">
        <v>0.86555490430588744</v>
      </c>
      <c r="J42" s="92">
        <v>3.6004050539747388E-2</v>
      </c>
      <c r="K42" s="91">
        <v>1.6001739158972038E-2</v>
      </c>
      <c r="L42" s="92">
        <v>1.5039980087298104E-2</v>
      </c>
      <c r="M42" s="90">
        <v>353</v>
      </c>
      <c r="N42" s="100">
        <v>4.7017186030740001</v>
      </c>
      <c r="O42" s="101">
        <v>0.15095316203646414</v>
      </c>
      <c r="P42" s="91">
        <v>0.17344788399852326</v>
      </c>
      <c r="Q42" s="92">
        <v>4.040965813324883E-2</v>
      </c>
      <c r="R42" s="91">
        <v>0.20269884837762672</v>
      </c>
      <c r="S42" s="92">
        <v>4.2811764645161648E-2</v>
      </c>
      <c r="T42" s="91">
        <v>0.54340931070684495</v>
      </c>
      <c r="U42" s="92">
        <v>5.2730233799196002E-2</v>
      </c>
      <c r="V42" s="91">
        <v>8.0443956917004206E-2</v>
      </c>
      <c r="W42" s="92">
        <v>2.9542774748965051E-2</v>
      </c>
      <c r="X42" s="99">
        <v>362</v>
      </c>
      <c r="Y42" s="100">
        <v>5.5725807124956335</v>
      </c>
      <c r="Z42" s="101">
        <v>0.13305638461205738</v>
      </c>
      <c r="AA42" s="91">
        <v>7.2120091087366014E-2</v>
      </c>
      <c r="AB42" s="92">
        <v>2.7836111143291074E-2</v>
      </c>
      <c r="AC42" s="91">
        <v>0.12363942976291156</v>
      </c>
      <c r="AD42" s="92">
        <v>3.4897495156757531E-2</v>
      </c>
      <c r="AE42" s="91">
        <v>0.78367318546945497</v>
      </c>
      <c r="AF42" s="92">
        <v>4.3265457111682802E-2</v>
      </c>
      <c r="AG42" s="91">
        <v>2.0567293680266302E-2</v>
      </c>
      <c r="AH42" s="92">
        <v>1.657603589150208E-2</v>
      </c>
      <c r="AI42" s="90">
        <v>362</v>
      </c>
      <c r="AJ42" s="100">
        <v>5.4761795809487772</v>
      </c>
      <c r="AK42" s="101">
        <v>0.13266158744357448</v>
      </c>
      <c r="AL42" s="91">
        <v>7.3964668305332076E-2</v>
      </c>
      <c r="AM42" s="92">
        <v>2.8136972388666859E-2</v>
      </c>
      <c r="AN42" s="91">
        <v>0.1184722890452256</v>
      </c>
      <c r="AO42" s="92">
        <v>3.4292367660109221E-2</v>
      </c>
      <c r="AP42" s="91">
        <v>0.78310411239747113</v>
      </c>
      <c r="AQ42" s="92">
        <v>4.3305290127806553E-2</v>
      </c>
      <c r="AR42" s="91">
        <v>2.4458930251970153E-2</v>
      </c>
      <c r="AS42" s="92">
        <v>1.7734106598481195E-2</v>
      </c>
      <c r="AT42" s="99">
        <v>361</v>
      </c>
      <c r="AU42" s="100">
        <v>5.3314052333553015</v>
      </c>
      <c r="AV42" s="101">
        <v>0.13531811354885784</v>
      </c>
      <c r="AW42" s="91">
        <v>8.4540574595650175E-2</v>
      </c>
      <c r="AX42" s="92">
        <v>2.9822468890529773E-2</v>
      </c>
      <c r="AY42" s="91">
        <v>0.14585956642152545</v>
      </c>
      <c r="AZ42" s="92">
        <v>3.7353303632910818E-2</v>
      </c>
      <c r="BA42" s="91">
        <v>0.75083535906081478</v>
      </c>
      <c r="BB42" s="92">
        <v>4.5444905584656851E-2</v>
      </c>
      <c r="BC42" s="91">
        <v>1.8764499922008286E-2</v>
      </c>
      <c r="BD42" s="92">
        <v>1.6034371676667308E-2</v>
      </c>
    </row>
    <row r="43" spans="1:56">
      <c r="A43" s="40" t="s">
        <v>536</v>
      </c>
      <c r="B43" s="95">
        <v>296</v>
      </c>
      <c r="C43" s="96">
        <v>5.6469628733149939</v>
      </c>
      <c r="D43" s="97">
        <v>0.1511791794422738</v>
      </c>
      <c r="E43" s="88">
        <v>6.7041548950527663E-2</v>
      </c>
      <c r="F43" s="89">
        <v>3.0002755849507404E-2</v>
      </c>
      <c r="G43" s="88">
        <v>0.10998609465555427</v>
      </c>
      <c r="H43" s="89">
        <v>3.6863423777696372E-2</v>
      </c>
      <c r="I43" s="88">
        <v>0.82297235639391519</v>
      </c>
      <c r="J43" s="89">
        <v>4.4489990377165327E-2</v>
      </c>
      <c r="K43" s="88">
        <v>0</v>
      </c>
      <c r="L43" s="89">
        <v>9.3966108941626551E-3</v>
      </c>
      <c r="M43" s="87">
        <v>295</v>
      </c>
      <c r="N43" s="96">
        <v>4.973001880333447</v>
      </c>
      <c r="O43" s="97">
        <v>0.16871300544066084</v>
      </c>
      <c r="P43" s="88">
        <v>0.14268540298809909</v>
      </c>
      <c r="Q43" s="89">
        <v>4.1010553896099151E-2</v>
      </c>
      <c r="R43" s="88">
        <v>0.1437524015451126</v>
      </c>
      <c r="S43" s="89">
        <v>4.1131257946959696E-2</v>
      </c>
      <c r="T43" s="88">
        <v>0.64824493743308087</v>
      </c>
      <c r="U43" s="89">
        <v>5.5301848148871832E-2</v>
      </c>
      <c r="V43" s="88">
        <v>6.531725803370475E-2</v>
      </c>
      <c r="W43" s="89">
        <v>2.9730695772913138E-2</v>
      </c>
      <c r="X43" s="95">
        <v>296</v>
      </c>
      <c r="Y43" s="96">
        <v>5.3584999176913293</v>
      </c>
      <c r="Z43" s="97">
        <v>0.16373182293434427</v>
      </c>
      <c r="AA43" s="88">
        <v>0.12681279559519956</v>
      </c>
      <c r="AB43" s="89">
        <v>3.9058995261225034E-2</v>
      </c>
      <c r="AC43" s="88">
        <v>0.14286022064950074</v>
      </c>
      <c r="AD43" s="89">
        <v>4.0960111422244011E-2</v>
      </c>
      <c r="AE43" s="88">
        <v>0.73032698375529681</v>
      </c>
      <c r="AF43" s="89">
        <v>5.1426935856518509E-2</v>
      </c>
      <c r="AG43" s="88">
        <v>0</v>
      </c>
      <c r="AH43" s="89">
        <v>9.3966108941626551E-3</v>
      </c>
      <c r="AI43" s="87">
        <v>295</v>
      </c>
      <c r="AJ43" s="96">
        <v>5.0639220914104728</v>
      </c>
      <c r="AK43" s="97">
        <v>0.17297937515672149</v>
      </c>
      <c r="AL43" s="88">
        <v>0.12466659810375524</v>
      </c>
      <c r="AM43" s="89">
        <v>3.8858091922977352E-2</v>
      </c>
      <c r="AN43" s="88">
        <v>0.20276181024389014</v>
      </c>
      <c r="AO43" s="89">
        <v>4.68395882978664E-2</v>
      </c>
      <c r="AP43" s="88">
        <v>0.64886151270332837</v>
      </c>
      <c r="AQ43" s="89">
        <v>5.5280275488079823E-2</v>
      </c>
      <c r="AR43" s="88">
        <v>2.3710078949023546E-2</v>
      </c>
      <c r="AS43" s="89">
        <v>1.9756691509584371E-2</v>
      </c>
      <c r="AT43" s="95">
        <v>296</v>
      </c>
      <c r="AU43" s="96">
        <v>5.233694346376307</v>
      </c>
      <c r="AV43" s="97">
        <v>0.16761007171274797</v>
      </c>
      <c r="AW43" s="88">
        <v>0.11502939757704903</v>
      </c>
      <c r="AX43" s="89">
        <v>3.7545235160183481E-2</v>
      </c>
      <c r="AY43" s="88">
        <v>0.1520462257619159</v>
      </c>
      <c r="AZ43" s="89">
        <v>4.1973837759506152E-2</v>
      </c>
      <c r="BA43" s="88">
        <v>0.72183472346398003</v>
      </c>
      <c r="BB43" s="89">
        <v>5.1909265808829708E-2</v>
      </c>
      <c r="BC43" s="88">
        <v>1.1089653197052357E-2</v>
      </c>
      <c r="BD43" s="89">
        <v>1.5187012009939939E-2</v>
      </c>
    </row>
    <row r="44" spans="1:56">
      <c r="A44" s="44" t="s">
        <v>537</v>
      </c>
      <c r="B44" s="99">
        <v>87</v>
      </c>
      <c r="C44" s="100">
        <v>5.6406398321622397</v>
      </c>
      <c r="D44" s="101">
        <v>0.2784320102757325</v>
      </c>
      <c r="E44" s="91">
        <v>3.0699552050944164E-2</v>
      </c>
      <c r="F44" s="92">
        <v>4.6264202993336487E-2</v>
      </c>
      <c r="G44" s="91">
        <v>0.14136543996235243</v>
      </c>
      <c r="H44" s="92">
        <v>7.6298974217972396E-2</v>
      </c>
      <c r="I44" s="91">
        <v>0.8279350079867035</v>
      </c>
      <c r="J44" s="92">
        <v>8.1659984564335944E-2</v>
      </c>
      <c r="K44" s="91">
        <v>0</v>
      </c>
      <c r="L44" s="92">
        <v>3.0738162934200789E-2</v>
      </c>
      <c r="M44" s="90">
        <v>88</v>
      </c>
      <c r="N44" s="100">
        <v>4.886022956930705</v>
      </c>
      <c r="O44" s="101">
        <v>0.33001787376012442</v>
      </c>
      <c r="P44" s="91">
        <v>0.22211442961091543</v>
      </c>
      <c r="Q44" s="92">
        <v>8.8304919366305995E-2</v>
      </c>
      <c r="R44" s="91">
        <v>0.14118987858367618</v>
      </c>
      <c r="S44" s="92">
        <v>7.5816458756994679E-2</v>
      </c>
      <c r="T44" s="91">
        <v>0.59230874158862779</v>
      </c>
      <c r="U44" s="92">
        <v>0.10261874072676605</v>
      </c>
      <c r="V44" s="91">
        <v>4.438695021678047E-2</v>
      </c>
      <c r="W44" s="92">
        <v>5.1107329285953823E-2</v>
      </c>
      <c r="X44" s="99">
        <v>87</v>
      </c>
      <c r="Y44" s="100">
        <v>5.3106249230387599</v>
      </c>
      <c r="Z44" s="101">
        <v>0.30536280520673287</v>
      </c>
      <c r="AA44" s="91">
        <v>9.3837682451917051E-2</v>
      </c>
      <c r="AB44" s="92">
        <v>6.603898219481516E-2</v>
      </c>
      <c r="AC44" s="91">
        <v>0.19828422082225788</v>
      </c>
      <c r="AD44" s="92">
        <v>8.5624929909445979E-2</v>
      </c>
      <c r="AE44" s="91">
        <v>0.7078780967258248</v>
      </c>
      <c r="AF44" s="92">
        <v>9.6191698419323443E-2</v>
      </c>
      <c r="AG44" s="91">
        <v>0</v>
      </c>
      <c r="AH44" s="92">
        <v>3.0738162934200789E-2</v>
      </c>
      <c r="AI44" s="90">
        <v>87</v>
      </c>
      <c r="AJ44" s="100">
        <v>4.9535595367408689</v>
      </c>
      <c r="AK44" s="101">
        <v>0.32887797555817072</v>
      </c>
      <c r="AL44" s="91">
        <v>0.11939372657518459</v>
      </c>
      <c r="AM44" s="92">
        <v>7.1895534227237337E-2</v>
      </c>
      <c r="AN44" s="91">
        <v>0.25093279639558885</v>
      </c>
      <c r="AO44" s="92">
        <v>9.2177384925667863E-2</v>
      </c>
      <c r="AP44" s="91">
        <v>0.60399085100890193</v>
      </c>
      <c r="AQ44" s="92">
        <v>0.10273527240850024</v>
      </c>
      <c r="AR44" s="91">
        <v>2.5682626020324565E-2</v>
      </c>
      <c r="AS44" s="92">
        <v>4.4160814217533664E-2</v>
      </c>
      <c r="AT44" s="99">
        <v>87</v>
      </c>
      <c r="AU44" s="100">
        <v>5.0742653182923156</v>
      </c>
      <c r="AV44" s="101">
        <v>0.29895642646595166</v>
      </c>
      <c r="AW44" s="91">
        <v>9.5729110457160399E-2</v>
      </c>
      <c r="AX44" s="92">
        <v>6.6503632075578051E-2</v>
      </c>
      <c r="AY44" s="91">
        <v>0.26620623361150308</v>
      </c>
      <c r="AZ44" s="92">
        <v>9.3770844895282257E-2</v>
      </c>
      <c r="BA44" s="91">
        <v>0.63806465593133632</v>
      </c>
      <c r="BB44" s="92">
        <v>0.10110968643145191</v>
      </c>
      <c r="BC44" s="91">
        <v>0</v>
      </c>
      <c r="BD44" s="92">
        <v>3.0738162934200789E-2</v>
      </c>
    </row>
    <row r="45" spans="1:56">
      <c r="A45" s="40" t="s">
        <v>538</v>
      </c>
      <c r="B45" s="95">
        <v>90</v>
      </c>
      <c r="C45" s="96">
        <v>5.6742711665726331</v>
      </c>
      <c r="D45" s="97">
        <v>0.29086341827374507</v>
      </c>
      <c r="E45" s="88">
        <v>7.9200344554641089E-2</v>
      </c>
      <c r="F45" s="89">
        <v>6.1081389437429863E-2</v>
      </c>
      <c r="G45" s="88">
        <v>0.10274989130265853</v>
      </c>
      <c r="H45" s="89">
        <v>6.6950930057745384E-2</v>
      </c>
      <c r="I45" s="88">
        <v>0.81804976414270048</v>
      </c>
      <c r="J45" s="89">
        <v>8.1806770045050367E-2</v>
      </c>
      <c r="K45" s="88">
        <v>0</v>
      </c>
      <c r="L45" s="89">
        <v>2.976782656907849E-2</v>
      </c>
      <c r="M45" s="87">
        <v>88</v>
      </c>
      <c r="N45" s="96">
        <v>5.161538017754304</v>
      </c>
      <c r="O45" s="97">
        <v>0.29228063176462604</v>
      </c>
      <c r="P45" s="88">
        <v>0.12709089961928494</v>
      </c>
      <c r="Q45" s="89">
        <v>7.3059893612389348E-2</v>
      </c>
      <c r="R45" s="88">
        <v>0.10361426002901938</v>
      </c>
      <c r="S45" s="89">
        <v>6.7965490406572127E-2</v>
      </c>
      <c r="T45" s="88">
        <v>0.71368420460327175</v>
      </c>
      <c r="U45" s="89">
        <v>9.514822797327277E-2</v>
      </c>
      <c r="V45" s="88">
        <v>5.561063574842387E-2</v>
      </c>
      <c r="W45" s="89">
        <v>5.4897976897406553E-2</v>
      </c>
      <c r="X45" s="95">
        <v>90</v>
      </c>
      <c r="Y45" s="96">
        <v>5.3275671117122068</v>
      </c>
      <c r="Z45" s="97">
        <v>0.32600532305726687</v>
      </c>
      <c r="AA45" s="88">
        <v>0.17489560175389382</v>
      </c>
      <c r="AB45" s="89">
        <v>8.0717759437179737E-2</v>
      </c>
      <c r="AC45" s="88">
        <v>0.13696910110927965</v>
      </c>
      <c r="AD45" s="89">
        <v>7.4143682863808416E-2</v>
      </c>
      <c r="AE45" s="88">
        <v>0.68813529713682642</v>
      </c>
      <c r="AF45" s="89">
        <v>9.6216367185357976E-2</v>
      </c>
      <c r="AG45" s="88">
        <v>0</v>
      </c>
      <c r="AH45" s="89">
        <v>2.976782656907849E-2</v>
      </c>
      <c r="AI45" s="87">
        <v>90</v>
      </c>
      <c r="AJ45" s="96">
        <v>4.9873301932630545</v>
      </c>
      <c r="AK45" s="97">
        <v>0.31986155356014578</v>
      </c>
      <c r="AL45" s="88">
        <v>0.1280846585158712</v>
      </c>
      <c r="AM45" s="89">
        <v>7.2405628220201482E-2</v>
      </c>
      <c r="AN45" s="88">
        <v>0.17158925457983529</v>
      </c>
      <c r="AO45" s="89">
        <v>8.0193944443918419E-2</v>
      </c>
      <c r="AP45" s="88">
        <v>0.64301317112371936</v>
      </c>
      <c r="AQ45" s="89">
        <v>9.919910315635766E-2</v>
      </c>
      <c r="AR45" s="88">
        <v>5.7312915780574354E-2</v>
      </c>
      <c r="AS45" s="89">
        <v>5.4714633155184662E-2</v>
      </c>
      <c r="AT45" s="95">
        <v>90</v>
      </c>
      <c r="AU45" s="96">
        <v>5.4126638034360308</v>
      </c>
      <c r="AV45" s="97">
        <v>0.32415634210835664</v>
      </c>
      <c r="AW45" s="88">
        <v>0.11782531477644938</v>
      </c>
      <c r="AX45" s="89">
        <v>7.0290720775085469E-2</v>
      </c>
      <c r="AY45" s="88">
        <v>9.8172860253536776E-2</v>
      </c>
      <c r="AZ45" s="89">
        <v>6.5876828791871581E-2</v>
      </c>
      <c r="BA45" s="88">
        <v>0.76568857675442303</v>
      </c>
      <c r="BB45" s="89">
        <v>8.8795594145425163E-2</v>
      </c>
      <c r="BC45" s="88">
        <v>1.8313248215590869E-2</v>
      </c>
      <c r="BD45" s="89">
        <v>3.9842400958835067E-2</v>
      </c>
    </row>
    <row r="46" spans="1:56">
      <c r="A46" s="44" t="s">
        <v>539</v>
      </c>
      <c r="B46" s="99">
        <v>100</v>
      </c>
      <c r="C46" s="100">
        <v>5.6908709974151588</v>
      </c>
      <c r="D46" s="101">
        <v>0.24080855047069655</v>
      </c>
      <c r="E46" s="91">
        <v>7.3615058055781168E-2</v>
      </c>
      <c r="F46" s="92">
        <v>5.6128928674624746E-2</v>
      </c>
      <c r="G46" s="91">
        <v>8.1936519879674458E-2</v>
      </c>
      <c r="H46" s="92">
        <v>5.8312411558323896E-2</v>
      </c>
      <c r="I46" s="91">
        <v>0.84444842206454485</v>
      </c>
      <c r="J46" s="92">
        <v>7.3460164814048587E-2</v>
      </c>
      <c r="K46" s="91">
        <v>0</v>
      </c>
      <c r="L46" s="92">
        <v>2.693364120714959E-2</v>
      </c>
      <c r="M46" s="90">
        <v>100</v>
      </c>
      <c r="N46" s="100">
        <v>4.9639837252753818</v>
      </c>
      <c r="O46" s="101">
        <v>0.26649816276015459</v>
      </c>
      <c r="P46" s="91">
        <v>9.3878922980937918E-2</v>
      </c>
      <c r="Q46" s="92">
        <v>6.1240051373840351E-2</v>
      </c>
      <c r="R46" s="91">
        <v>0.19092189570231455</v>
      </c>
      <c r="S46" s="92">
        <v>7.8856689800582996E-2</v>
      </c>
      <c r="T46" s="91">
        <v>0.63524169423048338</v>
      </c>
      <c r="U46" s="92">
        <v>9.4683597563171989E-2</v>
      </c>
      <c r="V46" s="91">
        <v>7.9957487086264795E-2</v>
      </c>
      <c r="W46" s="92">
        <v>5.7804466711462499E-2</v>
      </c>
      <c r="X46" s="99">
        <v>100</v>
      </c>
      <c r="Y46" s="100">
        <v>5.4653145747603347</v>
      </c>
      <c r="Z46" s="101">
        <v>0.25118019287541221</v>
      </c>
      <c r="AA46" s="91">
        <v>0.1108573592767709</v>
      </c>
      <c r="AB46" s="92">
        <v>6.5042178129370409E-2</v>
      </c>
      <c r="AC46" s="91">
        <v>0.11748600013651909</v>
      </c>
      <c r="AD46" s="92">
        <v>6.6425709074550879E-2</v>
      </c>
      <c r="AE46" s="91">
        <v>0.77165664058671046</v>
      </c>
      <c r="AF46" s="92">
        <v>8.3613170589742103E-2</v>
      </c>
      <c r="AG46" s="91">
        <v>0</v>
      </c>
      <c r="AH46" s="92">
        <v>2.693364120714959E-2</v>
      </c>
      <c r="AI46" s="90">
        <v>99</v>
      </c>
      <c r="AJ46" s="100">
        <v>5.313998812697883</v>
      </c>
      <c r="AK46" s="101">
        <v>0.26412285312463912</v>
      </c>
      <c r="AL46" s="91">
        <v>0.10216940845658198</v>
      </c>
      <c r="AM46" s="92">
        <v>6.348606697792393E-2</v>
      </c>
      <c r="AN46" s="91">
        <v>0.19684682444814525</v>
      </c>
      <c r="AO46" s="92">
        <v>8.0072190162436219E-2</v>
      </c>
      <c r="AP46" s="91">
        <v>0.7009837670952731</v>
      </c>
      <c r="AQ46" s="92">
        <v>9.0881773028328131E-2</v>
      </c>
      <c r="AR46" s="91">
        <v>0</v>
      </c>
      <c r="AS46" s="92">
        <v>2.7192544212657866E-2</v>
      </c>
      <c r="AT46" s="99">
        <v>100</v>
      </c>
      <c r="AU46" s="100">
        <v>5.2693382256469601</v>
      </c>
      <c r="AV46" s="101">
        <v>0.25805659219446991</v>
      </c>
      <c r="AW46" s="91">
        <v>0.1219938363743511</v>
      </c>
      <c r="AX46" s="92">
        <v>6.733709740738579E-2</v>
      </c>
      <c r="AY46" s="91">
        <v>0.1063223551577232</v>
      </c>
      <c r="AZ46" s="92">
        <v>6.4064374952145994E-2</v>
      </c>
      <c r="BA46" s="91">
        <v>0.75809073228620028</v>
      </c>
      <c r="BB46" s="92">
        <v>8.51276297193201E-2</v>
      </c>
      <c r="BC46" s="91">
        <v>1.359307618172602E-2</v>
      </c>
      <c r="BD46" s="92">
        <v>3.467302095822572E-2</v>
      </c>
    </row>
    <row r="47" spans="1:56">
      <c r="A47" s="40" t="s">
        <v>540</v>
      </c>
      <c r="B47" s="95">
        <v>114</v>
      </c>
      <c r="C47" s="96">
        <v>5.8151686162515306</v>
      </c>
      <c r="D47" s="97">
        <v>0.22423323764492079</v>
      </c>
      <c r="E47" s="88">
        <v>4.740288578708611E-2</v>
      </c>
      <c r="F47" s="89">
        <v>4.4648611357177827E-2</v>
      </c>
      <c r="G47" s="88">
        <v>9.5320639658478867E-2</v>
      </c>
      <c r="H47" s="89">
        <v>5.7386341982041428E-2</v>
      </c>
      <c r="I47" s="88">
        <v>0.85727647455443501</v>
      </c>
      <c r="J47" s="89">
        <v>6.6603008376665079E-2</v>
      </c>
      <c r="K47" s="88">
        <v>0</v>
      </c>
      <c r="L47" s="89">
        <v>2.3765720057393202E-2</v>
      </c>
      <c r="M47" s="87">
        <v>114</v>
      </c>
      <c r="N47" s="96">
        <v>5.074353209494614</v>
      </c>
      <c r="O47" s="97">
        <v>0.23021737692869149</v>
      </c>
      <c r="P47" s="88">
        <v>5.7009591073817541E-2</v>
      </c>
      <c r="Q47" s="89">
        <v>4.7599472808229633E-2</v>
      </c>
      <c r="R47" s="88">
        <v>0.26053162562048937</v>
      </c>
      <c r="S47" s="89">
        <v>8.1610236613712098E-2</v>
      </c>
      <c r="T47" s="88">
        <v>0.64949851627965738</v>
      </c>
      <c r="U47" s="89">
        <v>8.813313363109794E-2</v>
      </c>
      <c r="V47" s="88">
        <v>3.2960267026035772E-2</v>
      </c>
      <c r="W47" s="89">
        <v>3.9664461818402948E-2</v>
      </c>
      <c r="X47" s="95">
        <v>112</v>
      </c>
      <c r="Y47" s="96">
        <v>5.6884100148152079</v>
      </c>
      <c r="Z47" s="97">
        <v>0.2364896077991856</v>
      </c>
      <c r="AA47" s="88">
        <v>4.8516283122720223E-2</v>
      </c>
      <c r="AB47" s="89">
        <v>4.5477482122352197E-2</v>
      </c>
      <c r="AC47" s="88">
        <v>0.12449375755477003</v>
      </c>
      <c r="AD47" s="89">
        <v>6.3937436271751247E-2</v>
      </c>
      <c r="AE47" s="88">
        <v>0.81428051969666182</v>
      </c>
      <c r="AF47" s="89">
        <v>7.3794259126250469E-2</v>
      </c>
      <c r="AG47" s="88">
        <v>1.270943962584776E-2</v>
      </c>
      <c r="AH47" s="89">
        <v>3.1426746273106168E-2</v>
      </c>
      <c r="AI47" s="87">
        <v>114</v>
      </c>
      <c r="AJ47" s="96">
        <v>5.1574866570131341</v>
      </c>
      <c r="AK47" s="97">
        <v>0.26921898683231044</v>
      </c>
      <c r="AL47" s="88">
        <v>0.11313684035785856</v>
      </c>
      <c r="AM47" s="89">
        <v>6.1150431269722035E-2</v>
      </c>
      <c r="AN47" s="88">
        <v>0.15836448972099226</v>
      </c>
      <c r="AO47" s="89">
        <v>6.9150764047929705E-2</v>
      </c>
      <c r="AP47" s="88">
        <v>0.72224710860042596</v>
      </c>
      <c r="AQ47" s="89">
        <v>8.3137255357071352E-2</v>
      </c>
      <c r="AR47" s="88">
        <v>6.2515613207233846E-3</v>
      </c>
      <c r="AS47" s="89">
        <v>2.7592870464745053E-2</v>
      </c>
      <c r="AT47" s="95">
        <v>114</v>
      </c>
      <c r="AU47" s="96">
        <v>5.4072224307714967</v>
      </c>
      <c r="AV47" s="97">
        <v>0.27062218928235704</v>
      </c>
      <c r="AW47" s="88">
        <v>0.12514220538625043</v>
      </c>
      <c r="AX47" s="89">
        <v>6.3472090155466065E-2</v>
      </c>
      <c r="AY47" s="88">
        <v>9.3464456729616896E-2</v>
      </c>
      <c r="AZ47" s="89">
        <v>5.6969740223351661E-2</v>
      </c>
      <c r="BA47" s="88">
        <v>0.77514177656340932</v>
      </c>
      <c r="BB47" s="89">
        <v>7.7970533208007328E-2</v>
      </c>
      <c r="BC47" s="88">
        <v>6.2515613207233846E-3</v>
      </c>
      <c r="BD47" s="89">
        <v>2.7592870464745053E-2</v>
      </c>
    </row>
    <row r="48" spans="1:56">
      <c r="A48" s="44" t="s">
        <v>541</v>
      </c>
      <c r="B48" s="99">
        <v>112</v>
      </c>
      <c r="C48" s="100">
        <v>5.5387576594017958</v>
      </c>
      <c r="D48" s="101">
        <v>0.23228305185731934</v>
      </c>
      <c r="E48" s="91">
        <v>8.0616544527055273E-2</v>
      </c>
      <c r="F48" s="92">
        <v>5.4468658730319246E-2</v>
      </c>
      <c r="G48" s="91">
        <v>0.11788401999356689</v>
      </c>
      <c r="H48" s="92">
        <v>6.2665944106937779E-2</v>
      </c>
      <c r="I48" s="91">
        <v>0.79316317582970131</v>
      </c>
      <c r="J48" s="92">
        <v>7.6537206642774872E-2</v>
      </c>
      <c r="K48" s="91">
        <v>8.3362596496767919E-3</v>
      </c>
      <c r="L48" s="92">
        <v>2.9155107459780706E-2</v>
      </c>
      <c r="M48" s="90">
        <v>111</v>
      </c>
      <c r="N48" s="100">
        <v>5.1336857228341106</v>
      </c>
      <c r="O48" s="101">
        <v>0.28298362883341838</v>
      </c>
      <c r="P48" s="91">
        <v>0.13805972329530017</v>
      </c>
      <c r="Q48" s="92">
        <v>6.6712581195629589E-2</v>
      </c>
      <c r="R48" s="91">
        <v>0.15819747200559062</v>
      </c>
      <c r="S48" s="92">
        <v>7.0070007538562087E-2</v>
      </c>
      <c r="T48" s="91">
        <v>0.66022672627498213</v>
      </c>
      <c r="U48" s="92">
        <v>8.8677678573597707E-2</v>
      </c>
      <c r="V48" s="91">
        <v>4.3516078424127295E-2</v>
      </c>
      <c r="W48" s="92">
        <v>4.4081410431243993E-2</v>
      </c>
      <c r="X48" s="99">
        <v>112</v>
      </c>
      <c r="Y48" s="100">
        <v>5.4318189457014538</v>
      </c>
      <c r="Z48" s="101">
        <v>0.25529444435231691</v>
      </c>
      <c r="AA48" s="91">
        <v>9.6962944464819664E-2</v>
      </c>
      <c r="AB48" s="92">
        <v>5.8300843656782404E-2</v>
      </c>
      <c r="AC48" s="91">
        <v>0.16756643350996886</v>
      </c>
      <c r="AD48" s="92">
        <v>7.1191349920645838E-2</v>
      </c>
      <c r="AE48" s="91">
        <v>0.72713436237553486</v>
      </c>
      <c r="AF48" s="92">
        <v>8.3440371044845488E-2</v>
      </c>
      <c r="AG48" s="91">
        <v>8.3362596496767919E-3</v>
      </c>
      <c r="AH48" s="92">
        <v>2.9155107459780706E-2</v>
      </c>
      <c r="AI48" s="90">
        <v>112</v>
      </c>
      <c r="AJ48" s="100">
        <v>5.0750003809571345</v>
      </c>
      <c r="AK48" s="101">
        <v>0.27150595478333334</v>
      </c>
      <c r="AL48" s="91">
        <v>0.11349494761102447</v>
      </c>
      <c r="AM48" s="92">
        <v>6.1794628927428874E-2</v>
      </c>
      <c r="AN48" s="91">
        <v>0.23197431167037411</v>
      </c>
      <c r="AO48" s="92">
        <v>7.9444437289089884E-2</v>
      </c>
      <c r="AP48" s="91">
        <v>0.64541514363379315</v>
      </c>
      <c r="AQ48" s="92">
        <v>8.9112019275729898E-2</v>
      </c>
      <c r="AR48" s="91">
        <v>9.1155970848083284E-3</v>
      </c>
      <c r="AS48" s="92">
        <v>2.957423510456169E-2</v>
      </c>
      <c r="AT48" s="99">
        <v>112</v>
      </c>
      <c r="AU48" s="100">
        <v>5.1995227042407688</v>
      </c>
      <c r="AV48" s="101">
        <v>0.28741091048464956</v>
      </c>
      <c r="AW48" s="91">
        <v>0.17608737352522283</v>
      </c>
      <c r="AX48" s="92">
        <v>7.244300372329994E-2</v>
      </c>
      <c r="AY48" s="91">
        <v>0.14373681587796186</v>
      </c>
      <c r="AZ48" s="92">
        <v>6.7384374984805651E-2</v>
      </c>
      <c r="BA48" s="91">
        <v>0.67183955094713854</v>
      </c>
      <c r="BB48" s="92">
        <v>8.7586908225244606E-2</v>
      </c>
      <c r="BC48" s="91">
        <v>8.3362596496767919E-3</v>
      </c>
      <c r="BD48" s="92">
        <v>2.9155107459780706E-2</v>
      </c>
    </row>
    <row r="49" spans="1:56">
      <c r="A49" s="40" t="s">
        <v>542</v>
      </c>
      <c r="B49" s="78">
        <v>173</v>
      </c>
      <c r="C49" s="79">
        <v>5.3409267123339035</v>
      </c>
      <c r="D49" s="80">
        <v>0.21981144065957947</v>
      </c>
      <c r="E49" s="93">
        <v>9.58056478086938E-2</v>
      </c>
      <c r="F49" s="89">
        <v>4.6072304590442661E-2</v>
      </c>
      <c r="G49" s="93">
        <v>0.15469701147482032</v>
      </c>
      <c r="H49" s="89">
        <v>5.545784095673971E-2</v>
      </c>
      <c r="I49" s="93">
        <v>0.74333542979510736</v>
      </c>
      <c r="J49" s="89">
        <v>6.6116466827334727E-2</v>
      </c>
      <c r="K49" s="93">
        <v>6.1619109213789172E-3</v>
      </c>
      <c r="L49" s="89">
        <v>1.9613231319976977E-2</v>
      </c>
      <c r="M49" s="78">
        <v>170</v>
      </c>
      <c r="N49" s="79">
        <v>4.9171288599191518</v>
      </c>
      <c r="O49" s="80">
        <v>0.23501122699504609</v>
      </c>
      <c r="P49" s="93">
        <v>0.1658057823534429</v>
      </c>
      <c r="Q49" s="89">
        <v>5.741363935831903E-2</v>
      </c>
      <c r="R49" s="93">
        <v>0.19644828917554058</v>
      </c>
      <c r="S49" s="89">
        <v>6.1034030986838336E-2</v>
      </c>
      <c r="T49" s="93">
        <v>0.61617534950628761</v>
      </c>
      <c r="U49" s="89">
        <v>7.3830606682641089E-2</v>
      </c>
      <c r="V49" s="93">
        <v>2.1570578964728502E-2</v>
      </c>
      <c r="W49" s="89">
        <v>2.6913321717321602E-2</v>
      </c>
      <c r="X49" s="78">
        <v>172</v>
      </c>
      <c r="Y49" s="79">
        <v>4.9937876541200099</v>
      </c>
      <c r="Z49" s="80">
        <v>0.22851719627374278</v>
      </c>
      <c r="AA49" s="93">
        <v>0.14746582191729585</v>
      </c>
      <c r="AB49" s="89">
        <v>5.4627782966037229E-2</v>
      </c>
      <c r="AC49" s="93">
        <v>0.25855764915472085</v>
      </c>
      <c r="AD49" s="89">
        <v>6.6456620561440624E-2</v>
      </c>
      <c r="AE49" s="93">
        <v>0.58776676092882174</v>
      </c>
      <c r="AF49" s="89">
        <v>7.4260468103783575E-2</v>
      </c>
      <c r="AG49" s="93">
        <v>6.2097679991611173E-3</v>
      </c>
      <c r="AH49" s="89">
        <v>1.973021973825995E-2</v>
      </c>
      <c r="AI49" s="78">
        <v>172</v>
      </c>
      <c r="AJ49" s="79">
        <v>4.5922519463026878</v>
      </c>
      <c r="AK49" s="80">
        <v>0.24723705301162424</v>
      </c>
      <c r="AL49" s="93">
        <v>0.20405737255323156</v>
      </c>
      <c r="AM49" s="89">
        <v>6.1487937539229945E-2</v>
      </c>
      <c r="AN49" s="93">
        <v>0.23511018375328949</v>
      </c>
      <c r="AO49" s="89">
        <v>6.4488641308206154E-2</v>
      </c>
      <c r="AP49" s="93">
        <v>0.54745475352999984</v>
      </c>
      <c r="AQ49" s="89">
        <v>7.5052897209079206E-2</v>
      </c>
      <c r="AR49" s="93">
        <v>1.3377690163478759E-2</v>
      </c>
      <c r="AS49" s="89">
        <v>2.3277040513975375E-2</v>
      </c>
      <c r="AT49" s="78">
        <v>171</v>
      </c>
      <c r="AU49" s="79">
        <v>4.9872690022361823</v>
      </c>
      <c r="AV49" s="80">
        <v>0.22161943891680455</v>
      </c>
      <c r="AW49" s="93">
        <v>0.1442680369300082</v>
      </c>
      <c r="AX49" s="89">
        <v>5.433727093493667E-2</v>
      </c>
      <c r="AY49" s="93">
        <v>0.23487709181654912</v>
      </c>
      <c r="AZ49" s="89">
        <v>6.4654931944090832E-2</v>
      </c>
      <c r="BA49" s="93">
        <v>0.60773033424566414</v>
      </c>
      <c r="BB49" s="89">
        <v>7.3898565789774856E-2</v>
      </c>
      <c r="BC49" s="93">
        <v>1.3124537007778292E-2</v>
      </c>
      <c r="BD49" s="89">
        <v>2.3257517487901971E-2</v>
      </c>
    </row>
    <row r="50" spans="1:56">
      <c r="A50" s="44" t="s">
        <v>547</v>
      </c>
      <c r="B50" s="99">
        <v>72</v>
      </c>
      <c r="C50" s="100">
        <v>5.2495079426905091</v>
      </c>
      <c r="D50" s="101">
        <v>0.34184520940480828</v>
      </c>
      <c r="E50" s="91">
        <v>0.11703323111561752</v>
      </c>
      <c r="F50" s="92">
        <v>7.8929832838673511E-2</v>
      </c>
      <c r="G50" s="91">
        <v>0.1816407849739243</v>
      </c>
      <c r="H50" s="92">
        <v>9.1489242615823113E-2</v>
      </c>
      <c r="I50" s="91">
        <v>0.68817381043784864</v>
      </c>
      <c r="J50" s="92">
        <v>0.10716927917988191</v>
      </c>
      <c r="K50" s="91">
        <v>1.3152173472609512E-2</v>
      </c>
      <c r="L50" s="92">
        <v>4.429101430916646E-2</v>
      </c>
      <c r="M50" s="90">
        <v>71</v>
      </c>
      <c r="N50" s="100">
        <v>4.7701889611299757</v>
      </c>
      <c r="O50" s="101">
        <v>0.4008161636792737</v>
      </c>
      <c r="P50" s="91">
        <v>0.22268212382516389</v>
      </c>
      <c r="Q50" s="92">
        <v>9.8272889385948539E-2</v>
      </c>
      <c r="R50" s="91">
        <v>0.17087881411054326</v>
      </c>
      <c r="S50" s="92">
        <v>9.0310677551288396E-2</v>
      </c>
      <c r="T50" s="91">
        <v>0.56987492439057297</v>
      </c>
      <c r="U50" s="92">
        <v>0.11445509336949126</v>
      </c>
      <c r="V50" s="91">
        <v>3.6564137673719931E-2</v>
      </c>
      <c r="W50" s="92">
        <v>5.5389717804914029E-2</v>
      </c>
      <c r="X50" s="99">
        <v>71</v>
      </c>
      <c r="Y50" s="100">
        <v>4.9129675043375034</v>
      </c>
      <c r="Z50" s="101">
        <v>0.35547200709210136</v>
      </c>
      <c r="AA50" s="91">
        <v>0.14712004710333354</v>
      </c>
      <c r="AB50" s="92">
        <v>8.5915966496720328E-2</v>
      </c>
      <c r="AC50" s="91">
        <v>0.27444501039600305</v>
      </c>
      <c r="AD50" s="92">
        <v>0.10441121466143542</v>
      </c>
      <c r="AE50" s="91">
        <v>0.5650628039269181</v>
      </c>
      <c r="AF50" s="92">
        <v>0.11459059379691725</v>
      </c>
      <c r="AG50" s="91">
        <v>1.3372138573745262E-2</v>
      </c>
      <c r="AH50" s="92">
        <v>4.4887485871746936E-2</v>
      </c>
      <c r="AI50" s="90">
        <v>71</v>
      </c>
      <c r="AJ50" s="100">
        <v>4.5331593304778659</v>
      </c>
      <c r="AK50" s="101">
        <v>0.37396912021592876</v>
      </c>
      <c r="AL50" s="91">
        <v>0.2168796329496083</v>
      </c>
      <c r="AM50" s="92">
        <v>9.7478873032867605E-2</v>
      </c>
      <c r="AN50" s="91">
        <v>0.16003485487940253</v>
      </c>
      <c r="AO50" s="92">
        <v>8.8369855612916937E-2</v>
      </c>
      <c r="AP50" s="91">
        <v>0.59484061381459485</v>
      </c>
      <c r="AQ50" s="92">
        <v>0.11359321859501043</v>
      </c>
      <c r="AR50" s="91">
        <v>2.8244898356394467E-2</v>
      </c>
      <c r="AS50" s="92">
        <v>5.1924590559204876E-2</v>
      </c>
      <c r="AT50" s="99">
        <v>71</v>
      </c>
      <c r="AU50" s="100">
        <v>4.6272045496048166</v>
      </c>
      <c r="AV50" s="101">
        <v>0.34934605574797406</v>
      </c>
      <c r="AW50" s="91">
        <v>0.22088174433258836</v>
      </c>
      <c r="AX50" s="92">
        <v>9.8028969129743057E-2</v>
      </c>
      <c r="AY50" s="91">
        <v>0.22139860619539856</v>
      </c>
      <c r="AZ50" s="92">
        <v>9.8099218642658595E-2</v>
      </c>
      <c r="BA50" s="91">
        <v>0.54434751089826783</v>
      </c>
      <c r="BB50" s="92">
        <v>0.11506229863175743</v>
      </c>
      <c r="BC50" s="91">
        <v>1.3372138573745262E-2</v>
      </c>
      <c r="BD50" s="92">
        <v>4.4887485871746936E-2</v>
      </c>
    </row>
    <row r="51" spans="1:56">
      <c r="A51" s="52" t="s">
        <v>548</v>
      </c>
      <c r="B51" s="95">
        <v>124</v>
      </c>
      <c r="C51" s="96">
        <v>5.8525304367551199</v>
      </c>
      <c r="D51" s="97">
        <v>0.22369594612883792</v>
      </c>
      <c r="E51" s="88">
        <v>3.5247260583654641E-2</v>
      </c>
      <c r="F51" s="89">
        <v>3.8443811588008428E-2</v>
      </c>
      <c r="G51" s="88">
        <v>8.2351592960157094E-2</v>
      </c>
      <c r="H51" s="89">
        <v>5.1931852312289369E-2</v>
      </c>
      <c r="I51" s="88">
        <v>0.88240114645618828</v>
      </c>
      <c r="J51" s="89">
        <v>5.9362755219871464E-2</v>
      </c>
      <c r="K51" s="88">
        <v>0</v>
      </c>
      <c r="L51" s="89">
        <v>2.1923773750628563E-2</v>
      </c>
      <c r="M51" s="87">
        <v>123</v>
      </c>
      <c r="N51" s="96">
        <v>4.7021229736565413</v>
      </c>
      <c r="O51" s="97">
        <v>0.27877466956978741</v>
      </c>
      <c r="P51" s="88">
        <v>0.16077029116952871</v>
      </c>
      <c r="Q51" s="89">
        <v>6.6889962578872392E-2</v>
      </c>
      <c r="R51" s="88">
        <v>0.20645443280332004</v>
      </c>
      <c r="S51" s="89">
        <v>7.2995197483153987E-2</v>
      </c>
      <c r="T51" s="88">
        <v>0.49577651657513017</v>
      </c>
      <c r="U51" s="89">
        <v>8.8732681465942403E-2</v>
      </c>
      <c r="V51" s="88">
        <v>0.13699875945202056</v>
      </c>
      <c r="W51" s="89">
        <v>6.3095939832130438E-2</v>
      </c>
      <c r="X51" s="95">
        <v>124</v>
      </c>
      <c r="Y51" s="96">
        <v>5.6885255842226421</v>
      </c>
      <c r="Z51" s="97">
        <v>0.23594821808874661</v>
      </c>
      <c r="AA51" s="88">
        <v>7.3476503697235129E-2</v>
      </c>
      <c r="AB51" s="89">
        <v>4.977141245190754E-2</v>
      </c>
      <c r="AC51" s="88">
        <v>0.10179084996485989</v>
      </c>
      <c r="AD51" s="89">
        <v>5.6232018444255238E-2</v>
      </c>
      <c r="AE51" s="88">
        <v>0.81709356317153725</v>
      </c>
      <c r="AF51" s="89">
        <v>6.9740086875440532E-2</v>
      </c>
      <c r="AG51" s="88">
        <v>7.6390831663675982E-3</v>
      </c>
      <c r="AH51" s="89">
        <v>2.6513672493283756E-2</v>
      </c>
      <c r="AI51" s="87">
        <v>123</v>
      </c>
      <c r="AJ51" s="96">
        <v>5.7440984977567915</v>
      </c>
      <c r="AK51" s="97">
        <v>0.21447031093702323</v>
      </c>
      <c r="AL51" s="88">
        <v>3.1943816436551455E-2</v>
      </c>
      <c r="AM51" s="89">
        <v>3.7440213688835045E-2</v>
      </c>
      <c r="AN51" s="88">
        <v>0.11482364146147765</v>
      </c>
      <c r="AO51" s="89">
        <v>5.9084235211632571E-2</v>
      </c>
      <c r="AP51" s="88">
        <v>0.85323254210197075</v>
      </c>
      <c r="AQ51" s="89">
        <v>6.471323219183478E-2</v>
      </c>
      <c r="AR51" s="88">
        <v>0</v>
      </c>
      <c r="AS51" s="89">
        <v>2.2095020994736762E-2</v>
      </c>
      <c r="AT51" s="95">
        <v>124</v>
      </c>
      <c r="AU51" s="96">
        <v>5.2855721986865749</v>
      </c>
      <c r="AV51" s="97">
        <v>0.25995538195557749</v>
      </c>
      <c r="AW51" s="88">
        <v>0.10710246610191186</v>
      </c>
      <c r="AX51" s="89">
        <v>5.7317320381984366E-2</v>
      </c>
      <c r="AY51" s="88">
        <v>0.12478039146514706</v>
      </c>
      <c r="AZ51" s="89">
        <v>6.0691874209122997E-2</v>
      </c>
      <c r="BA51" s="88">
        <v>0.75962080332746451</v>
      </c>
      <c r="BB51" s="89">
        <v>7.6392060363384848E-2</v>
      </c>
      <c r="BC51" s="88">
        <v>8.4963391054762513E-3</v>
      </c>
      <c r="BD51" s="89">
        <v>2.6976105141058686E-2</v>
      </c>
    </row>
    <row r="52" spans="1:56">
      <c r="A52" s="44" t="s">
        <v>549</v>
      </c>
      <c r="B52" s="99">
        <v>103</v>
      </c>
      <c r="C52" s="100">
        <v>5.3915159475312855</v>
      </c>
      <c r="D52" s="101">
        <v>0.28215949519798639</v>
      </c>
      <c r="E52" s="91">
        <v>0.13711276152621713</v>
      </c>
      <c r="F52" s="92">
        <v>6.9167165017599216E-2</v>
      </c>
      <c r="G52" s="91">
        <v>8.0906120809670745E-2</v>
      </c>
      <c r="H52" s="92">
        <v>5.7110092823781565E-2</v>
      </c>
      <c r="I52" s="91">
        <v>0.78198111766411249</v>
      </c>
      <c r="J52" s="92">
        <v>8.1187553172287638E-2</v>
      </c>
      <c r="K52" s="91">
        <v>0</v>
      </c>
      <c r="L52" s="92">
        <v>2.6185687246820841E-2</v>
      </c>
      <c r="M52" s="90">
        <v>101</v>
      </c>
      <c r="N52" s="100">
        <v>4.8820192506828661</v>
      </c>
      <c r="O52" s="101">
        <v>0.33722127909087868</v>
      </c>
      <c r="P52" s="91">
        <v>0.17601062120916031</v>
      </c>
      <c r="Q52" s="92">
        <v>7.6314185999292114E-2</v>
      </c>
      <c r="R52" s="91">
        <v>0.12815243881351107</v>
      </c>
      <c r="S52" s="92">
        <v>6.819122410656045E-2</v>
      </c>
      <c r="T52" s="91">
        <v>0.60465311838863234</v>
      </c>
      <c r="U52" s="92">
        <v>9.5591649249779892E-2</v>
      </c>
      <c r="V52" s="91">
        <v>9.1183821588697173E-2</v>
      </c>
      <c r="W52" s="92">
        <v>6.0272571198894821E-2</v>
      </c>
      <c r="X52" s="99">
        <v>102</v>
      </c>
      <c r="Y52" s="100">
        <v>5.2277186882100626</v>
      </c>
      <c r="Z52" s="101">
        <v>0.30564804477164137</v>
      </c>
      <c r="AA52" s="91">
        <v>0.15816709588351352</v>
      </c>
      <c r="AB52" s="92">
        <v>7.3150844455754746E-2</v>
      </c>
      <c r="AC52" s="91">
        <v>0.13986759695760442</v>
      </c>
      <c r="AD52" s="92">
        <v>7.0015711167414924E-2</v>
      </c>
      <c r="AE52" s="91">
        <v>0.67482750997985375</v>
      </c>
      <c r="AF52" s="92">
        <v>9.1465754910364266E-2</v>
      </c>
      <c r="AG52" s="91">
        <v>2.7137797179029071E-2</v>
      </c>
      <c r="AH52" s="92">
        <v>4.0262490012249373E-2</v>
      </c>
      <c r="AI52" s="90">
        <v>100</v>
      </c>
      <c r="AJ52" s="100">
        <v>5.313914327335798</v>
      </c>
      <c r="AK52" s="101">
        <v>0.30234819825772191</v>
      </c>
      <c r="AL52" s="91">
        <v>0.14096308961660892</v>
      </c>
      <c r="AM52" s="92">
        <v>7.0932732809772248E-2</v>
      </c>
      <c r="AN52" s="91">
        <v>0.15332668598520949</v>
      </c>
      <c r="AO52" s="92">
        <v>7.3087047081240766E-2</v>
      </c>
      <c r="AP52" s="91">
        <v>0.69531340806256803</v>
      </c>
      <c r="AQ52" s="92">
        <v>9.0878331908224086E-2</v>
      </c>
      <c r="AR52" s="91">
        <v>1.0396816335614472E-2</v>
      </c>
      <c r="AS52" s="92">
        <v>3.3034625831322807E-2</v>
      </c>
      <c r="AT52" s="99">
        <v>100</v>
      </c>
      <c r="AU52" s="100">
        <v>5.0840631542835224</v>
      </c>
      <c r="AV52" s="101">
        <v>0.31208675302572753</v>
      </c>
      <c r="AW52" s="91">
        <v>0.13718995237163015</v>
      </c>
      <c r="AX52" s="92">
        <v>7.0246713671189218E-2</v>
      </c>
      <c r="AY52" s="91">
        <v>0.21894278097155598</v>
      </c>
      <c r="AZ52" s="92">
        <v>8.2500905075654371E-2</v>
      </c>
      <c r="BA52" s="91">
        <v>0.64386726665681482</v>
      </c>
      <c r="BB52" s="92">
        <v>9.423043140575707E-2</v>
      </c>
      <c r="BC52" s="91">
        <v>0</v>
      </c>
      <c r="BD52" s="92">
        <v>2.693364120714959E-2</v>
      </c>
    </row>
    <row r="53" spans="1:56">
      <c r="A53" s="52" t="s">
        <v>550</v>
      </c>
      <c r="B53" s="95">
        <v>133</v>
      </c>
      <c r="C53" s="96">
        <v>5.4895017034215279</v>
      </c>
      <c r="D53" s="97">
        <v>0.23221632408632645</v>
      </c>
      <c r="E53" s="88">
        <v>8.6399286351402579E-2</v>
      </c>
      <c r="F53" s="89">
        <v>5.0912218923155117E-2</v>
      </c>
      <c r="G53" s="88">
        <v>0.11575060243570612</v>
      </c>
      <c r="H53" s="89">
        <v>5.6889775108695799E-2</v>
      </c>
      <c r="I53" s="88">
        <v>0.7907449712471184</v>
      </c>
      <c r="J53" s="89">
        <v>7.0520797295757082E-2</v>
      </c>
      <c r="K53" s="88">
        <v>7.1051399657729407E-3</v>
      </c>
      <c r="L53" s="89">
        <v>2.4781758556446681E-2</v>
      </c>
      <c r="M53" s="87">
        <v>132</v>
      </c>
      <c r="N53" s="96">
        <v>4.5776392119259013</v>
      </c>
      <c r="O53" s="97">
        <v>0.28350192669570939</v>
      </c>
      <c r="P53" s="88">
        <v>0.2043551704262869</v>
      </c>
      <c r="Q53" s="89">
        <v>7.0222345534770331E-2</v>
      </c>
      <c r="R53" s="88">
        <v>0.20922924097034742</v>
      </c>
      <c r="S53" s="89">
        <v>7.078397497579042E-2</v>
      </c>
      <c r="T53" s="88">
        <v>0.49351637472718679</v>
      </c>
      <c r="U53" s="89">
        <v>8.5742500791414045E-2</v>
      </c>
      <c r="V53" s="88">
        <v>9.2899213876178846E-2</v>
      </c>
      <c r="W53" s="89">
        <v>5.2545349957947247E-2</v>
      </c>
      <c r="X53" s="95">
        <v>132</v>
      </c>
      <c r="Y53" s="96">
        <v>5.191983709209171</v>
      </c>
      <c r="Z53" s="97">
        <v>0.25844379784076044</v>
      </c>
      <c r="AA53" s="88">
        <v>0.13595274518623129</v>
      </c>
      <c r="AB53" s="89">
        <v>6.0670483347435147E-2</v>
      </c>
      <c r="AC53" s="88">
        <v>0.14967811107124018</v>
      </c>
      <c r="AD53" s="89">
        <v>6.286950840758404E-2</v>
      </c>
      <c r="AE53" s="88">
        <v>0.70008519761619592</v>
      </c>
      <c r="AF53" s="89">
        <v>7.9017166486630874E-2</v>
      </c>
      <c r="AG53" s="88">
        <v>1.4283946126332664E-2</v>
      </c>
      <c r="AH53" s="89">
        <v>2.8570595717995945E-2</v>
      </c>
      <c r="AI53" s="87">
        <v>131</v>
      </c>
      <c r="AJ53" s="96">
        <v>5.2400814993888778</v>
      </c>
      <c r="AK53" s="97">
        <v>0.24952593433180775</v>
      </c>
      <c r="AL53" s="88">
        <v>0.11569201904851344</v>
      </c>
      <c r="AM53" s="89">
        <v>5.7330715631041917E-2</v>
      </c>
      <c r="AN53" s="88">
        <v>0.15879492100344716</v>
      </c>
      <c r="AO53" s="89">
        <v>6.449252682765827E-2</v>
      </c>
      <c r="AP53" s="88">
        <v>0.7004344273575317</v>
      </c>
      <c r="AQ53" s="89">
        <v>7.9287839448999309E-2</v>
      </c>
      <c r="AR53" s="88">
        <v>2.507863259050799E-2</v>
      </c>
      <c r="AS53" s="89">
        <v>3.3385570094558191E-2</v>
      </c>
      <c r="AT53" s="95">
        <v>130</v>
      </c>
      <c r="AU53" s="96">
        <v>4.9887940467916811</v>
      </c>
      <c r="AV53" s="97">
        <v>0.27031136088842539</v>
      </c>
      <c r="AW53" s="88">
        <v>0.16451234020634981</v>
      </c>
      <c r="AX53" s="89">
        <v>6.5578313525760823E-2</v>
      </c>
      <c r="AY53" s="88">
        <v>0.15413294891433296</v>
      </c>
      <c r="AZ53" s="89">
        <v>6.4045488105338833E-2</v>
      </c>
      <c r="BA53" s="88">
        <v>0.65884474367434709</v>
      </c>
      <c r="BB53" s="89">
        <v>8.2181494018758586E-2</v>
      </c>
      <c r="BC53" s="88">
        <v>2.2509967204970623E-2</v>
      </c>
      <c r="BD53" s="89">
        <v>3.2512616777302418E-2</v>
      </c>
    </row>
    <row r="54" spans="1:56">
      <c r="A54" s="44" t="s">
        <v>551</v>
      </c>
      <c r="B54" s="99">
        <v>124</v>
      </c>
      <c r="C54" s="100">
        <v>5.7296674002163517</v>
      </c>
      <c r="D54" s="101">
        <v>0.22179033833301584</v>
      </c>
      <c r="E54" s="91">
        <v>5.9382047291723021E-2</v>
      </c>
      <c r="F54" s="92">
        <v>4.6029962079977872E-2</v>
      </c>
      <c r="G54" s="91">
        <v>7.8597421550442526E-2</v>
      </c>
      <c r="H54" s="92">
        <v>5.1034671761447103E-2</v>
      </c>
      <c r="I54" s="91">
        <v>0.84553714803261859</v>
      </c>
      <c r="J54" s="92">
        <v>6.5657664916360783E-2</v>
      </c>
      <c r="K54" s="91">
        <v>1.6483383125216178E-2</v>
      </c>
      <c r="L54" s="92">
        <v>3.0920837546021502E-2</v>
      </c>
      <c r="M54" s="90">
        <v>124</v>
      </c>
      <c r="N54" s="100">
        <v>4.6069154943891304</v>
      </c>
      <c r="O54" s="101">
        <v>0.30528327723065285</v>
      </c>
      <c r="P54" s="91">
        <v>0.16718807397403626</v>
      </c>
      <c r="Q54" s="92">
        <v>6.7558028361365513E-2</v>
      </c>
      <c r="R54" s="91">
        <v>0.22721339810848221</v>
      </c>
      <c r="S54" s="92">
        <v>7.5034488836322605E-2</v>
      </c>
      <c r="T54" s="91">
        <v>0.48427401793273317</v>
      </c>
      <c r="U54" s="92">
        <v>8.8347309777016048E-2</v>
      </c>
      <c r="V54" s="91">
        <v>0.12132450998474824</v>
      </c>
      <c r="W54" s="92">
        <v>6.0059094435032476E-2</v>
      </c>
      <c r="X54" s="99">
        <v>122</v>
      </c>
      <c r="Y54" s="100">
        <v>5.3928219615734401</v>
      </c>
      <c r="Z54" s="101">
        <v>0.27148186906082356</v>
      </c>
      <c r="AA54" s="91">
        <v>0.13787438437030844</v>
      </c>
      <c r="AB54" s="92">
        <v>6.3510756147095823E-2</v>
      </c>
      <c r="AC54" s="91">
        <v>7.1472908666380106E-2</v>
      </c>
      <c r="AD54" s="92">
        <v>4.9709906721946945E-2</v>
      </c>
      <c r="AE54" s="91">
        <v>0.77398655989544241</v>
      </c>
      <c r="AF54" s="92">
        <v>7.5513474583480789E-2</v>
      </c>
      <c r="AG54" s="91">
        <v>1.666614706786896E-2</v>
      </c>
      <c r="AH54" s="92">
        <v>3.1363427167036384E-2</v>
      </c>
      <c r="AI54" s="90">
        <v>122</v>
      </c>
      <c r="AJ54" s="100">
        <v>5.4333657369948813</v>
      </c>
      <c r="AK54" s="101">
        <v>0.27872497752928754</v>
      </c>
      <c r="AL54" s="91">
        <v>0.11542823324285881</v>
      </c>
      <c r="AM54" s="92">
        <v>5.9454048558411299E-2</v>
      </c>
      <c r="AN54" s="91">
        <v>0.11660582551676062</v>
      </c>
      <c r="AO54" s="92">
        <v>5.9679976065995177E-2</v>
      </c>
      <c r="AP54" s="91">
        <v>0.73275330767656499</v>
      </c>
      <c r="AQ54" s="92">
        <v>7.952456465323697E-2</v>
      </c>
      <c r="AR54" s="91">
        <v>3.5212633563815376E-2</v>
      </c>
      <c r="AS54" s="92">
        <v>3.8820305687591365E-2</v>
      </c>
      <c r="AT54" s="99">
        <v>122</v>
      </c>
      <c r="AU54" s="100">
        <v>5.2348551428985912</v>
      </c>
      <c r="AV54" s="101">
        <v>0.28863354642336708</v>
      </c>
      <c r="AW54" s="91">
        <v>0.15543340320981211</v>
      </c>
      <c r="AX54" s="92">
        <v>6.6354596859380652E-2</v>
      </c>
      <c r="AY54" s="91">
        <v>0.14318017347903761</v>
      </c>
      <c r="AZ54" s="92">
        <v>6.4398346318548724E-2</v>
      </c>
      <c r="BA54" s="91">
        <v>0.67361446020413107</v>
      </c>
      <c r="BB54" s="92">
        <v>8.3901192522422022E-2</v>
      </c>
      <c r="BC54" s="91">
        <v>2.7771963107019126E-2</v>
      </c>
      <c r="BD54" s="92">
        <v>3.6048744345454582E-2</v>
      </c>
    </row>
    <row r="55" spans="1:56">
      <c r="A55" s="52" t="s">
        <v>543</v>
      </c>
      <c r="B55" s="95">
        <v>169</v>
      </c>
      <c r="C55" s="96">
        <v>6.2103207622620351</v>
      </c>
      <c r="D55" s="97">
        <v>0.155871047004361</v>
      </c>
      <c r="E55" s="88">
        <v>2.3974964506195833E-2</v>
      </c>
      <c r="F55" s="89">
        <v>2.7937846251610377E-2</v>
      </c>
      <c r="G55" s="88">
        <v>3.575092348940187E-2</v>
      </c>
      <c r="H55" s="89">
        <v>3.2013057445606154E-2</v>
      </c>
      <c r="I55" s="88">
        <v>0.94027411200440203</v>
      </c>
      <c r="J55" s="89">
        <v>3.8772744813317987E-2</v>
      </c>
      <c r="K55" s="88">
        <v>0</v>
      </c>
      <c r="L55" s="89">
        <v>1.6254510448561185E-2</v>
      </c>
      <c r="M55" s="87">
        <v>166</v>
      </c>
      <c r="N55" s="96">
        <v>5.2036403779536444</v>
      </c>
      <c r="O55" s="97">
        <v>0.18788559895743173</v>
      </c>
      <c r="P55" s="94">
        <v>6.7935975833488954E-2</v>
      </c>
      <c r="Q55" s="89">
        <v>4.1160299653163354E-2</v>
      </c>
      <c r="R55" s="88">
        <v>0.14535467998437615</v>
      </c>
      <c r="S55" s="89">
        <v>5.5322755318976978E-2</v>
      </c>
      <c r="T55" s="88">
        <v>0.67874863938039387</v>
      </c>
      <c r="U55" s="89">
        <v>7.1871587250895125E-2</v>
      </c>
      <c r="V55" s="88">
        <v>0.10796070480174062</v>
      </c>
      <c r="W55" s="89">
        <v>4.933744488053031E-2</v>
      </c>
      <c r="X55" s="95">
        <v>168</v>
      </c>
      <c r="Y55" s="96">
        <v>6.0008246639522662</v>
      </c>
      <c r="Z55" s="97">
        <v>0.18094770966651327</v>
      </c>
      <c r="AA55" s="88">
        <v>4.1402687870111449E-2</v>
      </c>
      <c r="AB55" s="89">
        <v>3.3879640562954415E-2</v>
      </c>
      <c r="AC55" s="88">
        <v>0.11686978117596937</v>
      </c>
      <c r="AD55" s="89">
        <v>5.0568680359523277E-2</v>
      </c>
      <c r="AE55" s="88">
        <v>0.83544921362431579</v>
      </c>
      <c r="AF55" s="89">
        <v>5.7596580728817681E-2</v>
      </c>
      <c r="AG55" s="88">
        <v>6.2783173296029251E-3</v>
      </c>
      <c r="AH55" s="89">
        <v>2.0141817902129499E-2</v>
      </c>
      <c r="AI55" s="87">
        <v>167</v>
      </c>
      <c r="AJ55" s="96">
        <v>6.0934278891004556</v>
      </c>
      <c r="AK55" s="97">
        <v>0.16231280995139433</v>
      </c>
      <c r="AL55" s="94">
        <v>1.3000499579456459E-2</v>
      </c>
      <c r="AM55" s="89">
        <v>2.3593693489105016E-2</v>
      </c>
      <c r="AN55" s="88">
        <v>7.2065020667625643E-2</v>
      </c>
      <c r="AO55" s="89">
        <v>4.1979905492693904E-2</v>
      </c>
      <c r="AP55" s="88">
        <v>0.90090481014907908</v>
      </c>
      <c r="AQ55" s="89">
        <v>4.7562005336037667E-2</v>
      </c>
      <c r="AR55" s="88">
        <v>1.4029669603838606E-2</v>
      </c>
      <c r="AS55" s="89">
        <v>2.4062476611990093E-2</v>
      </c>
      <c r="AT55" s="95">
        <v>167</v>
      </c>
      <c r="AU55" s="96">
        <v>5.8153115809853757</v>
      </c>
      <c r="AV55" s="97">
        <v>0.17805762440968306</v>
      </c>
      <c r="AW55" s="88">
        <v>3.6867020620752589E-2</v>
      </c>
      <c r="AX55" s="89">
        <v>3.2597204713548149E-2</v>
      </c>
      <c r="AY55" s="88">
        <v>0.12179554521725965</v>
      </c>
      <c r="AZ55" s="89">
        <v>5.1543426926357452E-2</v>
      </c>
      <c r="BA55" s="88">
        <v>0.83503037480237818</v>
      </c>
      <c r="BB55" s="89">
        <v>5.7824998021076331E-2</v>
      </c>
      <c r="BC55" s="88">
        <v>6.3070593596092099E-3</v>
      </c>
      <c r="BD55" s="89">
        <v>2.0253721500274064E-2</v>
      </c>
    </row>
    <row r="56" spans="1:56">
      <c r="A56" s="44" t="s">
        <v>544</v>
      </c>
      <c r="B56" s="99">
        <v>49</v>
      </c>
      <c r="C56" s="100">
        <v>6.4244735815520926</v>
      </c>
      <c r="D56" s="101">
        <v>0.19061304607327725</v>
      </c>
      <c r="E56" s="91">
        <v>0</v>
      </c>
      <c r="F56" s="92">
        <v>5.2349950714565462E-2</v>
      </c>
      <c r="G56" s="91">
        <v>0</v>
      </c>
      <c r="H56" s="92">
        <v>5.2349950714565462E-2</v>
      </c>
      <c r="I56" s="91">
        <v>1</v>
      </c>
      <c r="J56" s="92">
        <v>5.2349950714565455E-2</v>
      </c>
      <c r="K56" s="91">
        <v>0</v>
      </c>
      <c r="L56" s="92">
        <v>5.2349950714565462E-2</v>
      </c>
      <c r="M56" s="90">
        <v>48</v>
      </c>
      <c r="N56" s="100">
        <v>5.3200454055629178</v>
      </c>
      <c r="O56" s="101">
        <v>0.34207563435358312</v>
      </c>
      <c r="P56" s="91">
        <v>7.2826785337712863E-2</v>
      </c>
      <c r="Q56" s="92">
        <v>8.5267306891825254E-2</v>
      </c>
      <c r="R56" s="91">
        <v>9.1534673983682702E-2</v>
      </c>
      <c r="S56" s="92">
        <v>9.107779053566796E-2</v>
      </c>
      <c r="T56" s="91">
        <v>0.77632520525506454</v>
      </c>
      <c r="U56" s="92">
        <v>0.11927330956213206</v>
      </c>
      <c r="V56" s="91">
        <v>5.9313335423540073E-2</v>
      </c>
      <c r="W56" s="92">
        <v>8.0633918687014167E-2</v>
      </c>
      <c r="X56" s="99">
        <v>49</v>
      </c>
      <c r="Y56" s="100">
        <v>6.2094400836209278</v>
      </c>
      <c r="Z56" s="101">
        <v>0.28118795611950859</v>
      </c>
      <c r="AA56" s="91">
        <v>4.4743306093323429E-2</v>
      </c>
      <c r="AB56" s="92">
        <v>7.4146783388207738E-2</v>
      </c>
      <c r="AC56" s="91">
        <v>4.7676885310292523E-2</v>
      </c>
      <c r="AD56" s="92">
        <v>7.529607968883302E-2</v>
      </c>
      <c r="AE56" s="91">
        <v>0.90757980859638421</v>
      </c>
      <c r="AF56" s="92">
        <v>9.0285663939294603E-2</v>
      </c>
      <c r="AG56" s="91">
        <v>0</v>
      </c>
      <c r="AH56" s="92">
        <v>5.2349950714565462E-2</v>
      </c>
      <c r="AI56" s="90">
        <v>48</v>
      </c>
      <c r="AJ56" s="100">
        <v>6.0068495778590894</v>
      </c>
      <c r="AK56" s="101">
        <v>0.32008398331087018</v>
      </c>
      <c r="AL56" s="91">
        <v>2.2172854629209572E-2</v>
      </c>
      <c r="AM56" s="92">
        <v>6.5313555389270875E-2</v>
      </c>
      <c r="AN56" s="91">
        <v>2.1513867134674753E-2</v>
      </c>
      <c r="AO56" s="92">
        <v>6.4996575570326065E-2</v>
      </c>
      <c r="AP56" s="91">
        <v>0.93238513434283632</v>
      </c>
      <c r="AQ56" s="92">
        <v>8.3527721056757168E-2</v>
      </c>
      <c r="AR56" s="91">
        <v>2.3928143893279484E-2</v>
      </c>
      <c r="AS56" s="92">
        <v>6.6148357576521266E-2</v>
      </c>
      <c r="AT56" s="99">
        <v>49</v>
      </c>
      <c r="AU56" s="100">
        <v>6.0895097407545489</v>
      </c>
      <c r="AV56" s="101">
        <v>0.28959742171964631</v>
      </c>
      <c r="AW56" s="91">
        <v>0</v>
      </c>
      <c r="AX56" s="92">
        <v>5.2349950714565462E-2</v>
      </c>
      <c r="AY56" s="91">
        <v>0.11425212179567522</v>
      </c>
      <c r="AZ56" s="92">
        <v>9.6274606250637745E-2</v>
      </c>
      <c r="BA56" s="91">
        <v>0.8857478782043251</v>
      </c>
      <c r="BB56" s="92">
        <v>9.6274606250637634E-2</v>
      </c>
      <c r="BC56" s="91">
        <v>0</v>
      </c>
      <c r="BD56" s="92">
        <v>5.2349950714565462E-2</v>
      </c>
    </row>
    <row r="57" spans="1:56">
      <c r="A57" s="52" t="s">
        <v>552</v>
      </c>
      <c r="B57" s="95">
        <v>120</v>
      </c>
      <c r="C57" s="96">
        <v>6.1209998134138939</v>
      </c>
      <c r="D57" s="97">
        <v>0.20260836687263764</v>
      </c>
      <c r="E57" s="88">
        <v>3.3974676792931431E-2</v>
      </c>
      <c r="F57" s="89">
        <v>3.8773948688963764E-2</v>
      </c>
      <c r="G57" s="88">
        <v>5.0662267728794924E-2</v>
      </c>
      <c r="H57" s="89">
        <v>4.4327081323806028E-2</v>
      </c>
      <c r="I57" s="88">
        <v>0.91536305547827335</v>
      </c>
      <c r="J57" s="89">
        <v>5.3407968459216561E-2</v>
      </c>
      <c r="K57" s="88">
        <v>0</v>
      </c>
      <c r="L57" s="89">
        <v>2.262519761202799E-2</v>
      </c>
      <c r="M57" s="87">
        <v>118</v>
      </c>
      <c r="N57" s="96">
        <v>5.1516627103751773</v>
      </c>
      <c r="O57" s="97">
        <v>0.22584834916069102</v>
      </c>
      <c r="P57" s="94">
        <v>6.5911791056772986E-2</v>
      </c>
      <c r="Q57" s="89">
        <v>4.9163861158658409E-2</v>
      </c>
      <c r="R57" s="88">
        <v>0.16762944589690676</v>
      </c>
      <c r="S57" s="89">
        <v>6.9342345805566391E-2</v>
      </c>
      <c r="T57" s="88">
        <v>0.63836411836456741</v>
      </c>
      <c r="U57" s="89">
        <v>8.7232528183138189E-2</v>
      </c>
      <c r="V57" s="88">
        <v>0.12809464468175227</v>
      </c>
      <c r="W57" s="89">
        <v>6.2883568232017809E-2</v>
      </c>
      <c r="X57" s="95">
        <v>119</v>
      </c>
      <c r="Y57" s="96">
        <v>5.9121586243935846</v>
      </c>
      <c r="Z57" s="97">
        <v>0.22618873372184892</v>
      </c>
      <c r="AA57" s="88">
        <v>3.9995522366926217E-2</v>
      </c>
      <c r="AB57" s="89">
        <v>4.1096738389717717E-2</v>
      </c>
      <c r="AC57" s="88">
        <v>0.14601584026501244</v>
      </c>
      <c r="AD57" s="89">
        <v>6.5695181944152498E-2</v>
      </c>
      <c r="AE57" s="88">
        <v>0.80506571027644425</v>
      </c>
      <c r="AF57" s="89">
        <v>7.2782000645258693E-2</v>
      </c>
      <c r="AG57" s="88">
        <v>8.9229270916166767E-3</v>
      </c>
      <c r="AH57" s="89">
        <v>2.8095803624256586E-2</v>
      </c>
      <c r="AI57" s="87">
        <v>119</v>
      </c>
      <c r="AJ57" s="96">
        <v>6.1288285476824171</v>
      </c>
      <c r="AK57" s="97">
        <v>0.18859900407199937</v>
      </c>
      <c r="AL57" s="94">
        <v>9.1962437078815466E-3</v>
      </c>
      <c r="AM57" s="89">
        <v>2.8240805191004772E-2</v>
      </c>
      <c r="AN57" s="88">
        <v>9.3031230719403973E-2</v>
      </c>
      <c r="AO57" s="89">
        <v>5.5574904366399079E-2</v>
      </c>
      <c r="AP57" s="88">
        <v>0.88784827150621382</v>
      </c>
      <c r="AQ57" s="89">
        <v>5.9591687894815379E-2</v>
      </c>
      <c r="AR57" s="88">
        <v>9.9242540665004202E-3</v>
      </c>
      <c r="AS57" s="89">
        <v>2.862306215364268E-2</v>
      </c>
      <c r="AT57" s="95">
        <v>118</v>
      </c>
      <c r="AU57" s="96">
        <v>5.6980048643682659</v>
      </c>
      <c r="AV57" s="97">
        <v>0.21856508257942289</v>
      </c>
      <c r="AW57" s="88">
        <v>5.2497716906032485E-2</v>
      </c>
      <c r="AX57" s="89">
        <v>4.5325100477494683E-2</v>
      </c>
      <c r="AY57" s="88">
        <v>0.12499376841156043</v>
      </c>
      <c r="AZ57" s="89">
        <v>6.2316161142158127E-2</v>
      </c>
      <c r="BA57" s="88">
        <v>0.81352741962250585</v>
      </c>
      <c r="BB57" s="89">
        <v>7.1983776025095814E-2</v>
      </c>
      <c r="BC57" s="88">
        <v>8.9810950599009311E-3</v>
      </c>
      <c r="BD57" s="89">
        <v>2.831385304234647E-2</v>
      </c>
    </row>
    <row r="58" spans="1:56">
      <c r="A58" s="44" t="s">
        <v>545</v>
      </c>
      <c r="B58" s="99">
        <v>191</v>
      </c>
      <c r="C58" s="100">
        <v>5.6085327700258789</v>
      </c>
      <c r="D58" s="101">
        <v>0.18937305281466082</v>
      </c>
      <c r="E58" s="91">
        <v>6.386979515072215E-2</v>
      </c>
      <c r="F58" s="92">
        <v>3.7214245352437766E-2</v>
      </c>
      <c r="G58" s="91">
        <v>0.13523642379988471</v>
      </c>
      <c r="H58" s="92">
        <v>5.0097363858802785E-2</v>
      </c>
      <c r="I58" s="91">
        <v>0.80089378104939257</v>
      </c>
      <c r="J58" s="92">
        <v>5.7848463037983626E-2</v>
      </c>
      <c r="K58" s="91">
        <v>0</v>
      </c>
      <c r="L58" s="92">
        <v>1.4430179418585315E-2</v>
      </c>
      <c r="M58" s="90">
        <v>191</v>
      </c>
      <c r="N58" s="100">
        <v>5.1295693559994806</v>
      </c>
      <c r="O58" s="101">
        <v>0.20366233886193799</v>
      </c>
      <c r="P58" s="91">
        <v>0.15491006974146526</v>
      </c>
      <c r="Q58" s="92">
        <v>5.2769154559205333E-2</v>
      </c>
      <c r="R58" s="91">
        <v>0.16376427136572755</v>
      </c>
      <c r="S58" s="92">
        <v>5.3882321178978843E-2</v>
      </c>
      <c r="T58" s="91">
        <v>0.64797645695019412</v>
      </c>
      <c r="U58" s="92">
        <v>6.8536659733784644E-2</v>
      </c>
      <c r="V58" s="91">
        <v>3.3349201942612136E-2</v>
      </c>
      <c r="W58" s="92">
        <v>2.902846299426249E-2</v>
      </c>
      <c r="X58" s="99">
        <v>188</v>
      </c>
      <c r="Y58" s="100">
        <v>5.3984119184625028</v>
      </c>
      <c r="Z58" s="101">
        <v>0.20446809144081909</v>
      </c>
      <c r="AA58" s="91">
        <v>8.1537587110229903E-2</v>
      </c>
      <c r="AB58" s="92">
        <v>4.1359573914176072E-2</v>
      </c>
      <c r="AC58" s="91">
        <v>0.21817182603736196</v>
      </c>
      <c r="AD58" s="92">
        <v>6.0181646929481546E-2</v>
      </c>
      <c r="AE58" s="91">
        <v>0.69386445861526269</v>
      </c>
      <c r="AF58" s="92">
        <v>6.676548441087414E-2</v>
      </c>
      <c r="AG58" s="91">
        <v>6.4261282371445762E-3</v>
      </c>
      <c r="AH58" s="92">
        <v>1.8500973688977504E-2</v>
      </c>
      <c r="AI58" s="90">
        <v>186</v>
      </c>
      <c r="AJ58" s="100">
        <v>5.0144695829503814</v>
      </c>
      <c r="AK58" s="101">
        <v>0.2254657331445005</v>
      </c>
      <c r="AL58" s="91">
        <v>0.15144105951369399</v>
      </c>
      <c r="AM58" s="92">
        <v>5.3027962114813372E-2</v>
      </c>
      <c r="AN58" s="91">
        <v>0.20326596623395435</v>
      </c>
      <c r="AO58" s="92">
        <v>5.9048116325113482E-2</v>
      </c>
      <c r="AP58" s="91">
        <v>0.6226714065660055</v>
      </c>
      <c r="AQ58" s="92">
        <v>7.0424079008961596E-2</v>
      </c>
      <c r="AR58" s="91">
        <v>2.2621567686345646E-2</v>
      </c>
      <c r="AS58" s="92">
        <v>2.5794411426078866E-2</v>
      </c>
      <c r="AT58" s="99">
        <v>186</v>
      </c>
      <c r="AU58" s="100">
        <v>5.2125076234817742</v>
      </c>
      <c r="AV58" s="101">
        <v>0.20777822374505006</v>
      </c>
      <c r="AW58" s="91">
        <v>0.12476450930560086</v>
      </c>
      <c r="AX58" s="92">
        <v>4.9217971228810407E-2</v>
      </c>
      <c r="AY58" s="91">
        <v>0.15116045632824407</v>
      </c>
      <c r="AZ58" s="92">
        <v>5.2990721549481527E-2</v>
      </c>
      <c r="BA58" s="91">
        <v>0.71934549781534751</v>
      </c>
      <c r="BB58" s="92">
        <v>6.5516894690753974E-2</v>
      </c>
      <c r="BC58" s="91">
        <v>4.729536550806903E-3</v>
      </c>
      <c r="BD58" s="92">
        <v>1.7726916928975118E-2</v>
      </c>
    </row>
    <row r="59" spans="1:56">
      <c r="A59" s="52"/>
      <c r="B59" s="95"/>
      <c r="C59" s="96"/>
      <c r="D59" s="97"/>
      <c r="E59" s="88"/>
      <c r="F59" s="89"/>
      <c r="G59" s="88"/>
      <c r="H59" s="89"/>
      <c r="I59" s="88"/>
      <c r="J59" s="89"/>
      <c r="K59" s="88"/>
      <c r="L59" s="89"/>
      <c r="M59" s="87"/>
      <c r="N59" s="96"/>
      <c r="O59" s="97"/>
      <c r="P59" s="94"/>
      <c r="Q59" s="89"/>
      <c r="R59" s="88"/>
      <c r="S59" s="89"/>
      <c r="T59" s="88"/>
      <c r="U59" s="89"/>
      <c r="V59" s="88"/>
      <c r="W59" s="89"/>
      <c r="X59" s="95"/>
      <c r="Y59" s="96"/>
      <c r="Z59" s="97"/>
      <c r="AA59" s="88"/>
      <c r="AB59" s="89"/>
      <c r="AC59" s="88"/>
      <c r="AD59" s="89"/>
      <c r="AE59" s="88"/>
      <c r="AF59" s="89"/>
      <c r="AG59" s="88"/>
      <c r="AH59" s="89"/>
      <c r="AI59" s="87"/>
      <c r="AJ59" s="96"/>
      <c r="AK59" s="97"/>
      <c r="AL59" s="94"/>
      <c r="AM59" s="89"/>
      <c r="AN59" s="88"/>
      <c r="AO59" s="89"/>
      <c r="AP59" s="88"/>
      <c r="AQ59" s="89"/>
      <c r="AR59" s="88"/>
      <c r="AS59" s="89"/>
      <c r="AT59" s="95"/>
      <c r="AU59" s="96"/>
      <c r="AV59" s="97"/>
      <c r="AW59" s="88"/>
      <c r="AX59" s="89"/>
      <c r="AY59" s="88"/>
      <c r="AZ59" s="89"/>
      <c r="BA59" s="88"/>
      <c r="BB59" s="89"/>
      <c r="BC59" s="88"/>
      <c r="BD59" s="89"/>
    </row>
    <row r="61" spans="1:56" ht="21" customHeight="1">
      <c r="A61" s="284" t="s">
        <v>33</v>
      </c>
      <c r="B61" s="284"/>
      <c r="C61" s="284"/>
      <c r="D61" s="284"/>
      <c r="E61" s="284"/>
      <c r="F61" s="284"/>
      <c r="G61" s="284"/>
      <c r="H61" s="284"/>
      <c r="I61" s="284"/>
      <c r="J61" s="284"/>
      <c r="K61" s="284"/>
      <c r="L61" s="284"/>
      <c r="M61" s="284"/>
      <c r="N61" s="284"/>
      <c r="O61" s="284"/>
      <c r="P61" s="284"/>
      <c r="Q61" s="284"/>
      <c r="R61" s="284"/>
      <c r="S61" s="284"/>
      <c r="T61" s="284"/>
      <c r="U61" s="284"/>
      <c r="V61" s="284"/>
      <c r="W61" s="284"/>
      <c r="X61" s="284"/>
      <c r="Y61" s="284"/>
      <c r="Z61" s="284"/>
      <c r="AA61" s="284"/>
      <c r="AB61" s="284"/>
      <c r="AC61" s="284"/>
      <c r="AD61" s="284"/>
      <c r="AE61" s="284"/>
      <c r="AF61" s="284"/>
      <c r="AG61" s="284"/>
      <c r="AH61" s="284"/>
      <c r="AI61" s="284"/>
      <c r="AJ61" s="284"/>
      <c r="AK61" s="284"/>
      <c r="AL61" s="284"/>
      <c r="AM61" s="284"/>
      <c r="AN61" s="284"/>
      <c r="AO61" s="284"/>
      <c r="AP61" s="284"/>
      <c r="AQ61" s="284"/>
      <c r="AR61" s="284"/>
      <c r="AS61" s="284"/>
    </row>
    <row r="62" spans="1:56" ht="73.5" customHeight="1">
      <c r="A62" s="363" t="s">
        <v>607</v>
      </c>
      <c r="B62" s="363"/>
      <c r="C62" s="363"/>
      <c r="D62" s="363"/>
      <c r="E62" s="363"/>
      <c r="F62" s="363"/>
      <c r="G62" s="363"/>
      <c r="H62" s="363"/>
      <c r="I62" s="363"/>
      <c r="J62" s="363"/>
      <c r="K62" s="363"/>
      <c r="L62" s="363"/>
      <c r="M62" s="363"/>
      <c r="N62" s="363"/>
      <c r="O62" s="363"/>
      <c r="P62" s="363"/>
      <c r="Q62" s="363"/>
      <c r="R62" s="363"/>
      <c r="S62" s="363"/>
      <c r="T62" s="363"/>
      <c r="U62" s="363"/>
      <c r="V62" s="363"/>
      <c r="W62" s="363"/>
      <c r="X62" s="363"/>
      <c r="Y62" s="363"/>
      <c r="Z62" s="363"/>
      <c r="AA62" s="363"/>
      <c r="AB62" s="363"/>
      <c r="AC62" s="363"/>
      <c r="AD62" s="363"/>
      <c r="AE62" s="363"/>
      <c r="AF62" s="363"/>
      <c r="AG62" s="363"/>
      <c r="AH62" s="363"/>
      <c r="AI62" s="363"/>
      <c r="AJ62" s="363"/>
      <c r="AK62" s="363"/>
      <c r="AL62" s="363"/>
      <c r="AM62" s="363"/>
      <c r="AN62" s="363"/>
      <c r="AO62" s="363"/>
      <c r="AP62" s="363"/>
      <c r="AQ62" s="363"/>
      <c r="AR62" s="363"/>
      <c r="AS62" s="363"/>
    </row>
    <row r="63" spans="1:56" ht="37.5" customHeight="1">
      <c r="A63" s="59"/>
      <c r="B63" s="369" t="s">
        <v>89</v>
      </c>
      <c r="C63" s="370"/>
      <c r="D63" s="370"/>
      <c r="E63" s="370"/>
      <c r="F63" s="370"/>
      <c r="G63" s="370"/>
      <c r="H63" s="370"/>
      <c r="I63" s="370"/>
      <c r="J63" s="370"/>
      <c r="K63" s="370"/>
      <c r="L63" s="371"/>
      <c r="M63" s="369" t="s">
        <v>90</v>
      </c>
      <c r="N63" s="370"/>
      <c r="O63" s="370"/>
      <c r="P63" s="370"/>
      <c r="Q63" s="370"/>
      <c r="R63" s="370"/>
      <c r="S63" s="370"/>
      <c r="T63" s="370"/>
      <c r="U63" s="370"/>
      <c r="V63" s="370"/>
      <c r="W63" s="371"/>
      <c r="X63" s="369" t="s">
        <v>91</v>
      </c>
      <c r="Y63" s="370"/>
      <c r="Z63" s="370"/>
      <c r="AA63" s="370"/>
      <c r="AB63" s="370"/>
      <c r="AC63" s="370"/>
      <c r="AD63" s="370"/>
      <c r="AE63" s="370"/>
      <c r="AF63" s="370"/>
      <c r="AG63" s="370"/>
      <c r="AH63" s="371"/>
      <c r="AI63" s="369" t="s">
        <v>528</v>
      </c>
      <c r="AJ63" s="370"/>
      <c r="AK63" s="370"/>
      <c r="AL63" s="370"/>
      <c r="AM63" s="370"/>
      <c r="AN63" s="370"/>
      <c r="AO63" s="370"/>
      <c r="AP63" s="370"/>
      <c r="AQ63" s="370"/>
      <c r="AR63" s="370"/>
      <c r="AS63" s="371"/>
    </row>
    <row r="64" spans="1:56" ht="72">
      <c r="A64" s="32" t="s">
        <v>71</v>
      </c>
      <c r="B64" s="33" t="s">
        <v>72</v>
      </c>
      <c r="C64" s="34" t="s">
        <v>589</v>
      </c>
      <c r="D64" s="35" t="s">
        <v>73</v>
      </c>
      <c r="E64" s="33" t="s">
        <v>162</v>
      </c>
      <c r="F64" s="84" t="s">
        <v>92</v>
      </c>
      <c r="G64" s="33" t="s">
        <v>163</v>
      </c>
      <c r="H64" s="84" t="s">
        <v>93</v>
      </c>
      <c r="I64" s="33" t="s">
        <v>164</v>
      </c>
      <c r="J64" s="84" t="s">
        <v>94</v>
      </c>
      <c r="K64" s="33" t="s">
        <v>301</v>
      </c>
      <c r="L64" s="84" t="s">
        <v>300</v>
      </c>
      <c r="M64" s="60" t="s">
        <v>72</v>
      </c>
      <c r="N64" s="61" t="s">
        <v>589</v>
      </c>
      <c r="O64" s="62" t="s">
        <v>73</v>
      </c>
      <c r="P64" s="60" t="s">
        <v>165</v>
      </c>
      <c r="Q64" s="83" t="s">
        <v>95</v>
      </c>
      <c r="R64" s="60" t="s">
        <v>166</v>
      </c>
      <c r="S64" s="83" t="s">
        <v>96</v>
      </c>
      <c r="T64" s="60" t="s">
        <v>167</v>
      </c>
      <c r="U64" s="83" t="s">
        <v>97</v>
      </c>
      <c r="V64" s="60" t="s">
        <v>301</v>
      </c>
      <c r="W64" s="83" t="s">
        <v>300</v>
      </c>
      <c r="X64" s="33" t="s">
        <v>72</v>
      </c>
      <c r="Y64" s="34" t="s">
        <v>589</v>
      </c>
      <c r="Z64" s="35" t="s">
        <v>73</v>
      </c>
      <c r="AA64" s="33" t="s">
        <v>168</v>
      </c>
      <c r="AB64" s="84" t="s">
        <v>98</v>
      </c>
      <c r="AC64" s="33" t="s">
        <v>169</v>
      </c>
      <c r="AD64" s="84" t="s">
        <v>99</v>
      </c>
      <c r="AE64" s="33" t="s">
        <v>170</v>
      </c>
      <c r="AF64" s="84" t="s">
        <v>100</v>
      </c>
      <c r="AG64" s="33" t="s">
        <v>301</v>
      </c>
      <c r="AH64" s="84" t="s">
        <v>300</v>
      </c>
      <c r="AI64" s="60" t="s">
        <v>72</v>
      </c>
      <c r="AJ64" s="61" t="s">
        <v>589</v>
      </c>
      <c r="AK64" s="62" t="s">
        <v>73</v>
      </c>
      <c r="AL64" s="60" t="s">
        <v>171</v>
      </c>
      <c r="AM64" s="83" t="s">
        <v>101</v>
      </c>
      <c r="AN64" s="60" t="s">
        <v>172</v>
      </c>
      <c r="AO64" s="83" t="s">
        <v>102</v>
      </c>
      <c r="AP64" s="60" t="s">
        <v>173</v>
      </c>
      <c r="AQ64" s="83" t="s">
        <v>103</v>
      </c>
      <c r="AR64" s="60" t="s">
        <v>301</v>
      </c>
      <c r="AS64" s="83" t="s">
        <v>300</v>
      </c>
    </row>
    <row r="65" spans="1:45" ht="93" customHeight="1">
      <c r="A65" s="36"/>
      <c r="B65" s="37" t="s">
        <v>74</v>
      </c>
      <c r="C65" s="38" t="s">
        <v>104</v>
      </c>
      <c r="D65" s="39" t="s">
        <v>76</v>
      </c>
      <c r="E65" s="37" t="s">
        <v>159</v>
      </c>
      <c r="F65" s="86" t="s">
        <v>88</v>
      </c>
      <c r="G65" s="37" t="s">
        <v>160</v>
      </c>
      <c r="H65" s="86" t="s">
        <v>88</v>
      </c>
      <c r="I65" s="37" t="s">
        <v>161</v>
      </c>
      <c r="J65" s="86" t="s">
        <v>88</v>
      </c>
      <c r="K65" s="37" t="s">
        <v>301</v>
      </c>
      <c r="L65" s="86" t="s">
        <v>88</v>
      </c>
      <c r="M65" s="63" t="s">
        <v>74</v>
      </c>
      <c r="N65" s="64" t="s">
        <v>104</v>
      </c>
      <c r="O65" s="65" t="s">
        <v>76</v>
      </c>
      <c r="P65" s="63" t="s">
        <v>159</v>
      </c>
      <c r="Q65" s="85" t="s">
        <v>88</v>
      </c>
      <c r="R65" s="63" t="s">
        <v>160</v>
      </c>
      <c r="S65" s="85" t="s">
        <v>88</v>
      </c>
      <c r="T65" s="63" t="s">
        <v>161</v>
      </c>
      <c r="U65" s="85" t="s">
        <v>88</v>
      </c>
      <c r="V65" s="63" t="s">
        <v>301</v>
      </c>
      <c r="W65" s="85" t="s">
        <v>88</v>
      </c>
      <c r="X65" s="37" t="s">
        <v>74</v>
      </c>
      <c r="Y65" s="38" t="s">
        <v>104</v>
      </c>
      <c r="Z65" s="39" t="s">
        <v>76</v>
      </c>
      <c r="AA65" s="37" t="s">
        <v>159</v>
      </c>
      <c r="AB65" s="86" t="s">
        <v>88</v>
      </c>
      <c r="AC65" s="37" t="s">
        <v>160</v>
      </c>
      <c r="AD65" s="86" t="s">
        <v>88</v>
      </c>
      <c r="AE65" s="37" t="s">
        <v>161</v>
      </c>
      <c r="AF65" s="86" t="s">
        <v>88</v>
      </c>
      <c r="AG65" s="37" t="s">
        <v>301</v>
      </c>
      <c r="AH65" s="86" t="s">
        <v>88</v>
      </c>
      <c r="AI65" s="63" t="s">
        <v>74</v>
      </c>
      <c r="AJ65" s="64" t="s">
        <v>104</v>
      </c>
      <c r="AK65" s="65" t="s">
        <v>76</v>
      </c>
      <c r="AL65" s="63" t="s">
        <v>159</v>
      </c>
      <c r="AM65" s="85" t="s">
        <v>88</v>
      </c>
      <c r="AN65" s="63" t="s">
        <v>160</v>
      </c>
      <c r="AO65" s="85" t="s">
        <v>88</v>
      </c>
      <c r="AP65" s="63" t="s">
        <v>161</v>
      </c>
      <c r="AQ65" s="85" t="s">
        <v>88</v>
      </c>
      <c r="AR65" s="63" t="s">
        <v>301</v>
      </c>
      <c r="AS65" s="85" t="s">
        <v>88</v>
      </c>
    </row>
    <row r="66" spans="1:45">
      <c r="A66" s="40" t="s">
        <v>350</v>
      </c>
      <c r="B66" s="95">
        <v>9587</v>
      </c>
      <c r="C66" s="96">
        <v>4.7645673363610266</v>
      </c>
      <c r="D66" s="97">
        <v>3.2470281938239864E-2</v>
      </c>
      <c r="E66" s="98">
        <v>0.19260779367091921</v>
      </c>
      <c r="F66" s="89">
        <v>8.0554027415301651E-3</v>
      </c>
      <c r="G66" s="98">
        <v>0.1910011506598602</v>
      </c>
      <c r="H66" s="89">
        <v>8.0297470112099534E-3</v>
      </c>
      <c r="I66" s="98">
        <v>0.59332223383235894</v>
      </c>
      <c r="J66" s="89">
        <v>1.0031713314593604E-2</v>
      </c>
      <c r="K66" s="88">
        <v>2.3068821836876016E-2</v>
      </c>
      <c r="L66" s="89">
        <v>3.0786677539269953E-3</v>
      </c>
      <c r="M66" s="95">
        <v>9525</v>
      </c>
      <c r="N66" s="96">
        <v>4.8634041288784955</v>
      </c>
      <c r="O66" s="97">
        <v>2.8981977849818125E-2</v>
      </c>
      <c r="P66" s="98">
        <v>0.15211679045525403</v>
      </c>
      <c r="Q66" s="89">
        <v>7.3609502787117158E-3</v>
      </c>
      <c r="R66" s="98">
        <v>0.2139504044151809</v>
      </c>
      <c r="S66" s="89">
        <v>8.4038157902556615E-3</v>
      </c>
      <c r="T66" s="98">
        <v>0.61699650465571054</v>
      </c>
      <c r="U66" s="89">
        <v>9.9600062311628133E-3</v>
      </c>
      <c r="V66" s="88">
        <v>1.6936300473869743E-2</v>
      </c>
      <c r="W66" s="89">
        <v>2.6591698489265765E-3</v>
      </c>
      <c r="X66" s="95">
        <v>9532</v>
      </c>
      <c r="Y66" s="96">
        <v>4.5434250236800198</v>
      </c>
      <c r="Z66" s="97">
        <v>3.2096927325012257E-2</v>
      </c>
      <c r="AA66" s="98">
        <v>0.21102858220833592</v>
      </c>
      <c r="AB66" s="89">
        <v>8.3587142342470694E-3</v>
      </c>
      <c r="AC66" s="98">
        <v>0.22363503398901788</v>
      </c>
      <c r="AD66" s="89">
        <v>8.5355176633382865E-3</v>
      </c>
      <c r="AE66" s="98">
        <v>0.51770555079985736</v>
      </c>
      <c r="AF66" s="89">
        <v>1.0233981926751921E-2</v>
      </c>
      <c r="AG66" s="88">
        <v>4.7630833002804358E-2</v>
      </c>
      <c r="AH66" s="89">
        <v>4.3703247696647738E-3</v>
      </c>
      <c r="AI66" s="95">
        <v>9523</v>
      </c>
      <c r="AJ66" s="96">
        <v>5.0396573548051702</v>
      </c>
      <c r="AK66" s="97">
        <v>2.9709827966179159E-2</v>
      </c>
      <c r="AL66" s="98">
        <v>0.13259713198835449</v>
      </c>
      <c r="AM66" s="89">
        <v>6.9525361740756355E-3</v>
      </c>
      <c r="AN66" s="98">
        <v>0.18688087604825138</v>
      </c>
      <c r="AO66" s="89">
        <v>7.9896733487732109E-3</v>
      </c>
      <c r="AP66" s="98">
        <v>0.67007233551241685</v>
      </c>
      <c r="AQ66" s="89">
        <v>9.6348725483679353E-3</v>
      </c>
      <c r="AR66" s="88">
        <v>1.0449656450990847E-2</v>
      </c>
      <c r="AS66" s="89">
        <v>2.103810063985888E-3</v>
      </c>
    </row>
    <row r="67" spans="1:45">
      <c r="A67" s="44" t="s">
        <v>351</v>
      </c>
      <c r="B67" s="99">
        <v>7203</v>
      </c>
      <c r="C67" s="100">
        <v>4.7479309104914273</v>
      </c>
      <c r="D67" s="101">
        <v>3.7710878836364599E-2</v>
      </c>
      <c r="E67" s="102">
        <v>0.19515814002687937</v>
      </c>
      <c r="F67" s="92">
        <v>9.3399353216683054E-3</v>
      </c>
      <c r="G67" s="102">
        <v>0.19035355791910077</v>
      </c>
      <c r="H67" s="92">
        <v>9.2518972962617949E-3</v>
      </c>
      <c r="I67" s="102">
        <v>0.5939864969946318</v>
      </c>
      <c r="J67" s="92">
        <v>1.1569646394047898E-2</v>
      </c>
      <c r="K67" s="91">
        <v>2.0501805059392125E-2</v>
      </c>
      <c r="L67" s="92">
        <v>3.3596357772601505E-3</v>
      </c>
      <c r="M67" s="99">
        <v>7153</v>
      </c>
      <c r="N67" s="100">
        <v>4.942380447568687</v>
      </c>
      <c r="O67" s="101">
        <v>3.3352412965629775E-2</v>
      </c>
      <c r="P67" s="102">
        <v>0.14204428375844136</v>
      </c>
      <c r="Q67" s="92">
        <v>8.2577890463465947E-3</v>
      </c>
      <c r="R67" s="102">
        <v>0.20676950433505983</v>
      </c>
      <c r="S67" s="92">
        <v>9.5771128563941522E-3</v>
      </c>
      <c r="T67" s="102">
        <v>0.63794247605367704</v>
      </c>
      <c r="U67" s="92">
        <v>1.1362241746809646E-2</v>
      </c>
      <c r="V67" s="91">
        <v>1.3243735852824789E-2</v>
      </c>
      <c r="W67" s="92">
        <v>2.7297955825830856E-3</v>
      </c>
      <c r="X67" s="99">
        <v>7160</v>
      </c>
      <c r="Y67" s="100">
        <v>4.406807802240631</v>
      </c>
      <c r="Z67" s="101">
        <v>3.768881409209994E-2</v>
      </c>
      <c r="AA67" s="102">
        <v>0.24370743026260969</v>
      </c>
      <c r="AB67" s="92">
        <v>1.0146537980582904E-2</v>
      </c>
      <c r="AC67" s="102">
        <v>0.225137811468125</v>
      </c>
      <c r="AD67" s="92">
        <v>9.8717380005026983E-3</v>
      </c>
      <c r="AE67" s="102">
        <v>0.48723641608191742</v>
      </c>
      <c r="AF67" s="92">
        <v>1.1810840982307648E-2</v>
      </c>
      <c r="AG67" s="91">
        <v>4.3918342187352577E-2</v>
      </c>
      <c r="AH67" s="92">
        <v>4.8553470116026376E-3</v>
      </c>
      <c r="AI67" s="99">
        <v>7151</v>
      </c>
      <c r="AJ67" s="100">
        <v>5.1012093799995002</v>
      </c>
      <c r="AK67" s="101">
        <v>3.4352209260024504E-2</v>
      </c>
      <c r="AL67" s="102">
        <v>0.12875691863748154</v>
      </c>
      <c r="AM67" s="92">
        <v>7.924614397251872E-3</v>
      </c>
      <c r="AN67" s="102">
        <v>0.17678537881662404</v>
      </c>
      <c r="AO67" s="92">
        <v>9.0235837056217814E-3</v>
      </c>
      <c r="AP67" s="102">
        <v>0.68718981784452582</v>
      </c>
      <c r="AQ67" s="92">
        <v>1.0963356522155991E-2</v>
      </c>
      <c r="AR67" s="91">
        <v>7.2678847013721605E-3</v>
      </c>
      <c r="AS67" s="92">
        <v>2.0457990671446584E-3</v>
      </c>
    </row>
    <row r="68" spans="1:45">
      <c r="A68" s="40" t="s">
        <v>352</v>
      </c>
      <c r="B68" s="95">
        <v>2384</v>
      </c>
      <c r="C68" s="96">
        <v>4.7811048007923818</v>
      </c>
      <c r="D68" s="97">
        <v>6.3701856656381756E-2</v>
      </c>
      <c r="E68" s="98">
        <v>0.19008583215813676</v>
      </c>
      <c r="F68" s="89">
        <v>1.6075341035770102E-2</v>
      </c>
      <c r="G68" s="98">
        <v>0.19164153582335763</v>
      </c>
      <c r="H68" s="89">
        <v>1.612520802485078E-2</v>
      </c>
      <c r="I68" s="98">
        <v>0.5926653637857785</v>
      </c>
      <c r="J68" s="89">
        <v>2.0110326896807636E-2</v>
      </c>
      <c r="K68" s="88">
        <v>2.5607268232729699E-2</v>
      </c>
      <c r="L68" s="89">
        <v>6.5617586368503754E-3</v>
      </c>
      <c r="M68" s="95">
        <v>2372</v>
      </c>
      <c r="N68" s="96">
        <v>4.7849602358788701</v>
      </c>
      <c r="O68" s="97">
        <v>5.8225632643737299E-2</v>
      </c>
      <c r="P68" s="98">
        <v>0.1620470442860093</v>
      </c>
      <c r="Q68" s="89">
        <v>1.5140866549873639E-2</v>
      </c>
      <c r="R68" s="98">
        <v>0.22102988946049026</v>
      </c>
      <c r="S68" s="89">
        <v>1.7038157395403375E-2</v>
      </c>
      <c r="T68" s="98">
        <v>0.59634635082859999</v>
      </c>
      <c r="U68" s="89">
        <v>2.0132081077849626E-2</v>
      </c>
      <c r="V68" s="88">
        <v>2.0576715424902456E-2</v>
      </c>
      <c r="W68" s="89">
        <v>5.9354776152824619E-3</v>
      </c>
      <c r="X68" s="95">
        <v>2372</v>
      </c>
      <c r="Y68" s="96">
        <v>4.6795675511580068</v>
      </c>
      <c r="Z68" s="97">
        <v>6.0088393487999082E-2</v>
      </c>
      <c r="AA68" s="98">
        <v>0.17871477233453401</v>
      </c>
      <c r="AB68" s="89">
        <v>1.5737913760833624E-2</v>
      </c>
      <c r="AC68" s="98">
        <v>0.22214904324472934</v>
      </c>
      <c r="AD68" s="89">
        <v>1.706881317262236E-2</v>
      </c>
      <c r="AE68" s="98">
        <v>0.54783433087983369</v>
      </c>
      <c r="AF68" s="89">
        <v>2.0421467150458297E-2</v>
      </c>
      <c r="AG68" s="88">
        <v>5.1301853540904302E-2</v>
      </c>
      <c r="AH68" s="89">
        <v>9.1146163776364073E-3</v>
      </c>
      <c r="AI68" s="95">
        <v>2372</v>
      </c>
      <c r="AJ68" s="96">
        <v>4.9785221347237956</v>
      </c>
      <c r="AK68" s="97">
        <v>5.9095460341213164E-2</v>
      </c>
      <c r="AL68" s="98">
        <v>0.13638705150860969</v>
      </c>
      <c r="AM68" s="89">
        <v>1.4108192763953682E-2</v>
      </c>
      <c r="AN68" s="98">
        <v>0.19684415634780802</v>
      </c>
      <c r="AO68" s="89">
        <v>1.6330226114806935E-2</v>
      </c>
      <c r="AP68" s="98">
        <v>0.65317903441146385</v>
      </c>
      <c r="AQ68" s="89">
        <v>1.9532202524649853E-2</v>
      </c>
      <c r="AR68" s="88">
        <v>1.35897577321204E-2</v>
      </c>
      <c r="AS68" s="89">
        <v>4.8895238745895594E-3</v>
      </c>
    </row>
    <row r="69" spans="1:45">
      <c r="A69" s="44" t="s">
        <v>534</v>
      </c>
      <c r="B69" s="99">
        <v>1319</v>
      </c>
      <c r="C69" s="100">
        <v>4.7830655138434759</v>
      </c>
      <c r="D69" s="101">
        <v>9.0303396472248651E-2</v>
      </c>
      <c r="E69" s="102">
        <v>0.18141534733340603</v>
      </c>
      <c r="F69" s="92">
        <v>2.1233085380705563E-2</v>
      </c>
      <c r="G69" s="102">
        <v>0.19103120052782802</v>
      </c>
      <c r="H69" s="92">
        <v>2.16559123688113E-2</v>
      </c>
      <c r="I69" s="102">
        <v>0.60822507118883362</v>
      </c>
      <c r="J69" s="92">
        <v>2.6845097590913015E-2</v>
      </c>
      <c r="K69" s="91">
        <v>1.9328380949932403E-2</v>
      </c>
      <c r="L69" s="92">
        <v>7.8438620554902045E-3</v>
      </c>
      <c r="M69" s="99">
        <v>1309</v>
      </c>
      <c r="N69" s="100">
        <v>4.8965381219167012</v>
      </c>
      <c r="O69" s="101">
        <v>8.1073118269518421E-2</v>
      </c>
      <c r="P69" s="102">
        <v>0.14955700236247063</v>
      </c>
      <c r="Q69" s="92">
        <v>1.9742195121781745E-2</v>
      </c>
      <c r="R69" s="102">
        <v>0.20559775454900689</v>
      </c>
      <c r="S69" s="92">
        <v>2.2342252494927679E-2</v>
      </c>
      <c r="T69" s="102">
        <v>0.63129363934529503</v>
      </c>
      <c r="U69" s="92">
        <v>2.6634924310234797E-2</v>
      </c>
      <c r="V69" s="91">
        <v>1.3551603743226948E-2</v>
      </c>
      <c r="W69" s="92">
        <v>6.716439462137464E-3</v>
      </c>
      <c r="X69" s="99">
        <v>1311</v>
      </c>
      <c r="Y69" s="100">
        <v>4.4558916869188918</v>
      </c>
      <c r="Z69" s="101">
        <v>8.9139371797435668E-2</v>
      </c>
      <c r="AA69" s="102">
        <v>0.2264174642118767</v>
      </c>
      <c r="AB69" s="92">
        <v>2.3112043113149548E-2</v>
      </c>
      <c r="AC69" s="102">
        <v>0.23370033405006946</v>
      </c>
      <c r="AD69" s="92">
        <v>2.3367798643769609E-2</v>
      </c>
      <c r="AE69" s="102">
        <v>0.50423608372530793</v>
      </c>
      <c r="AF69" s="92">
        <v>2.7575387967989945E-2</v>
      </c>
      <c r="AG69" s="91">
        <v>3.5646118012744074E-2</v>
      </c>
      <c r="AH69" s="92">
        <v>1.0418652675328908E-2</v>
      </c>
      <c r="AI69" s="99">
        <v>1307</v>
      </c>
      <c r="AJ69" s="100">
        <v>5.0795157507084436</v>
      </c>
      <c r="AK69" s="101">
        <v>8.1396536646660134E-2</v>
      </c>
      <c r="AL69" s="102">
        <v>0.13409205353809309</v>
      </c>
      <c r="AM69" s="92">
        <v>1.8888015168329053E-2</v>
      </c>
      <c r="AN69" s="102">
        <v>0.1693407217372204</v>
      </c>
      <c r="AO69" s="92">
        <v>2.0765709326669865E-2</v>
      </c>
      <c r="AP69" s="102">
        <v>0.68604119195762936</v>
      </c>
      <c r="AQ69" s="92">
        <v>2.5647945563416794E-2</v>
      </c>
      <c r="AR69" s="91">
        <v>1.0526032767056048E-2</v>
      </c>
      <c r="AS69" s="92">
        <v>6.0192931827786214E-3</v>
      </c>
    </row>
    <row r="70" spans="1:45">
      <c r="A70" s="40" t="s">
        <v>535</v>
      </c>
      <c r="B70" s="95">
        <v>1087</v>
      </c>
      <c r="C70" s="96">
        <v>4.7180762610314577</v>
      </c>
      <c r="D70" s="97">
        <v>0.10079358074489295</v>
      </c>
      <c r="E70" s="98">
        <v>0.19321561673850116</v>
      </c>
      <c r="F70" s="89">
        <v>2.3959345980537602E-2</v>
      </c>
      <c r="G70" s="98">
        <v>0.20340659062469085</v>
      </c>
      <c r="H70" s="89">
        <v>2.4421910898573717E-2</v>
      </c>
      <c r="I70" s="98">
        <v>0.58523621106975532</v>
      </c>
      <c r="J70" s="89">
        <v>2.983535414999686E-2</v>
      </c>
      <c r="K70" s="88">
        <v>1.8141581567053703E-2</v>
      </c>
      <c r="L70" s="89">
        <v>8.4579967607376436E-3</v>
      </c>
      <c r="M70" s="95">
        <v>1079</v>
      </c>
      <c r="N70" s="96">
        <v>4.9031872268635501</v>
      </c>
      <c r="O70" s="97">
        <v>9.0469683835364037E-2</v>
      </c>
      <c r="P70" s="98">
        <v>0.15817048937226719</v>
      </c>
      <c r="Q70" s="89">
        <v>2.2248004505017783E-2</v>
      </c>
      <c r="R70" s="98">
        <v>0.19723878037452106</v>
      </c>
      <c r="S70" s="89">
        <v>2.4234275750833967E-2</v>
      </c>
      <c r="T70" s="98">
        <v>0.62895013931431099</v>
      </c>
      <c r="U70" s="89">
        <v>2.9366626678399788E-2</v>
      </c>
      <c r="V70" s="88">
        <v>1.5640590938901699E-2</v>
      </c>
      <c r="W70" s="89">
        <v>7.9531769889568914E-3</v>
      </c>
      <c r="X70" s="95">
        <v>1079</v>
      </c>
      <c r="Y70" s="96">
        <v>4.3923331569929474</v>
      </c>
      <c r="Z70" s="97">
        <v>0.10070609435180425</v>
      </c>
      <c r="AA70" s="98">
        <v>0.2491825102603081</v>
      </c>
      <c r="AB70" s="89">
        <v>2.6319609088863844E-2</v>
      </c>
      <c r="AC70" s="98">
        <v>0.22185376548670221</v>
      </c>
      <c r="AD70" s="89">
        <v>2.5292753561862849E-2</v>
      </c>
      <c r="AE70" s="98">
        <v>0.4958944063612013</v>
      </c>
      <c r="AF70" s="89">
        <v>3.0385839413677247E-2</v>
      </c>
      <c r="AG70" s="88">
        <v>3.3069317891789629E-2</v>
      </c>
      <c r="AH70" s="89">
        <v>1.1137234229329359E-2</v>
      </c>
      <c r="AI70" s="95">
        <v>1076</v>
      </c>
      <c r="AJ70" s="96">
        <v>5.129062361309197</v>
      </c>
      <c r="AK70" s="97">
        <v>9.0173269019378915E-2</v>
      </c>
      <c r="AL70" s="98">
        <v>0.13230009620178448</v>
      </c>
      <c r="AM70" s="89">
        <v>2.0709313653083969E-2</v>
      </c>
      <c r="AN70" s="98">
        <v>0.15602592616443695</v>
      </c>
      <c r="AO70" s="89">
        <v>2.2157403607541051E-2</v>
      </c>
      <c r="AP70" s="98">
        <v>0.70230394246093686</v>
      </c>
      <c r="AQ70" s="89">
        <v>2.7847183218518951E-2</v>
      </c>
      <c r="AR70" s="88">
        <v>9.3700351728423989E-3</v>
      </c>
      <c r="AS70" s="89">
        <v>6.4008188489407831E-3</v>
      </c>
    </row>
    <row r="71" spans="1:45">
      <c r="A71" s="44" t="s">
        <v>546</v>
      </c>
      <c r="B71" s="99">
        <v>233</v>
      </c>
      <c r="C71" s="100">
        <v>5.0274989865851758</v>
      </c>
      <c r="D71" s="101">
        <v>0.19787641633914263</v>
      </c>
      <c r="E71" s="102">
        <v>0.13823781098250895</v>
      </c>
      <c r="F71" s="92">
        <v>4.5656663178292291E-2</v>
      </c>
      <c r="G71" s="102">
        <v>0.14574602216469765</v>
      </c>
      <c r="H71" s="92">
        <v>4.6607168637877332E-2</v>
      </c>
      <c r="I71" s="102">
        <v>0.69250341822258221</v>
      </c>
      <c r="J71" s="92">
        <v>6.0124030208994247E-2</v>
      </c>
      <c r="K71" s="91">
        <v>2.3512748630212719E-2</v>
      </c>
      <c r="L71" s="92">
        <v>2.2710441742451373E-2</v>
      </c>
      <c r="M71" s="99">
        <v>231</v>
      </c>
      <c r="N71" s="100">
        <v>4.8818261450621927</v>
      </c>
      <c r="O71" s="101">
        <v>0.18151854339348178</v>
      </c>
      <c r="P71" s="102">
        <v>0.11792936220874962</v>
      </c>
      <c r="Q71" s="92">
        <v>4.3063376812609362E-2</v>
      </c>
      <c r="R71" s="102">
        <v>0.23480243083714897</v>
      </c>
      <c r="S71" s="92">
        <v>5.5665272780622652E-2</v>
      </c>
      <c r="T71" s="102">
        <v>0.64129068502265585</v>
      </c>
      <c r="U71" s="92">
        <v>6.2665712502778262E-2</v>
      </c>
      <c r="V71" s="91">
        <v>5.9775219314472773E-3</v>
      </c>
      <c r="W71" s="92">
        <v>1.5535516609246403E-2</v>
      </c>
      <c r="X71" s="99">
        <v>233</v>
      </c>
      <c r="Y71" s="100">
        <v>4.6869362534966159</v>
      </c>
      <c r="Z71" s="101">
        <v>0.17971440340061329</v>
      </c>
      <c r="AA71" s="102">
        <v>0.14406658105402459</v>
      </c>
      <c r="AB71" s="92">
        <v>4.6397970608640253E-2</v>
      </c>
      <c r="AC71" s="102">
        <v>0.27507469724747952</v>
      </c>
      <c r="AD71" s="92">
        <v>5.8259121926827556E-2</v>
      </c>
      <c r="AE71" s="102">
        <v>0.53193968794211277</v>
      </c>
      <c r="AF71" s="92">
        <v>6.4828758655963575E-2</v>
      </c>
      <c r="AG71" s="91">
        <v>4.8919033756385275E-2</v>
      </c>
      <c r="AH71" s="92">
        <v>3.0003185015533451E-2</v>
      </c>
      <c r="AI71" s="99">
        <v>232</v>
      </c>
      <c r="AJ71" s="100">
        <v>4.9094503364289013</v>
      </c>
      <c r="AK71" s="101">
        <v>0.18789210779419241</v>
      </c>
      <c r="AL71" s="102">
        <v>0.1399395412305045</v>
      </c>
      <c r="AM71" s="92">
        <v>4.5976028925629693E-2</v>
      </c>
      <c r="AN71" s="102">
        <v>0.21628847863548326</v>
      </c>
      <c r="AO71" s="92">
        <v>5.4026547055724371E-2</v>
      </c>
      <c r="AP71" s="102">
        <v>0.62915224837921413</v>
      </c>
      <c r="AQ71" s="92">
        <v>6.2960888980788665E-2</v>
      </c>
      <c r="AR71" s="91">
        <v>1.4619731754799827E-2</v>
      </c>
      <c r="AS71" s="92">
        <v>1.9452049985963039E-2</v>
      </c>
    </row>
    <row r="72" spans="1:45">
      <c r="A72" s="40" t="s">
        <v>536</v>
      </c>
      <c r="B72" s="95">
        <v>201</v>
      </c>
      <c r="C72" s="96">
        <v>4.3166713605261249</v>
      </c>
      <c r="D72" s="97">
        <v>0.23313581383457083</v>
      </c>
      <c r="E72" s="98">
        <v>0.23437157141562817</v>
      </c>
      <c r="F72" s="89">
        <v>5.9619635898238245E-2</v>
      </c>
      <c r="G72" s="98">
        <v>0.26582578776799304</v>
      </c>
      <c r="H72" s="89">
        <v>6.204350364531859E-2</v>
      </c>
      <c r="I72" s="98">
        <v>0.47333443234283523</v>
      </c>
      <c r="J72" s="89">
        <v>6.9747478342486957E-2</v>
      </c>
      <c r="K72" s="88">
        <v>2.6468208473543416E-2</v>
      </c>
      <c r="L72" s="89">
        <v>2.5920253840628328E-2</v>
      </c>
      <c r="M72" s="95">
        <v>200</v>
      </c>
      <c r="N72" s="96">
        <v>4.7238928207982038</v>
      </c>
      <c r="O72" s="97">
        <v>0.20738888417734222</v>
      </c>
      <c r="P72" s="98">
        <v>0.21181655819534015</v>
      </c>
      <c r="Q72" s="89">
        <v>5.7764773984615249E-2</v>
      </c>
      <c r="R72" s="98">
        <v>0.17896057852247169</v>
      </c>
      <c r="S72" s="89">
        <v>5.4401535498354664E-2</v>
      </c>
      <c r="T72" s="98">
        <v>0.5925565369645337</v>
      </c>
      <c r="U72" s="89">
        <v>6.8851352152363265E-2</v>
      </c>
      <c r="V72" s="88">
        <v>1.6666326317654179E-2</v>
      </c>
      <c r="W72" s="89">
        <v>2.2343124933350635E-2</v>
      </c>
      <c r="X72" s="95">
        <v>200</v>
      </c>
      <c r="Y72" s="96">
        <v>4.0513609071597596</v>
      </c>
      <c r="Z72" s="97">
        <v>0.2316188415562033</v>
      </c>
      <c r="AA72" s="98">
        <v>0.33407458827551972</v>
      </c>
      <c r="AB72" s="89">
        <v>6.6204944640123414E-2</v>
      </c>
      <c r="AC72" s="98">
        <v>0.23959945998746476</v>
      </c>
      <c r="AD72" s="89">
        <v>6.0199772518760464E-2</v>
      </c>
      <c r="AE72" s="98">
        <v>0.38839248442339352</v>
      </c>
      <c r="AF72" s="89">
        <v>6.8316944952734132E-2</v>
      </c>
      <c r="AG72" s="88">
        <v>3.793346731362205E-2</v>
      </c>
      <c r="AH72" s="89">
        <v>2.9633446060475573E-2</v>
      </c>
      <c r="AI72" s="95">
        <v>200</v>
      </c>
      <c r="AJ72" s="96">
        <v>4.6520344546083328</v>
      </c>
      <c r="AK72" s="97">
        <v>0.21892590288931232</v>
      </c>
      <c r="AL72" s="98">
        <v>0.21060017725331184</v>
      </c>
      <c r="AM72" s="89">
        <v>5.7650050562589129E-2</v>
      </c>
      <c r="AN72" s="98">
        <v>0.19705414287370918</v>
      </c>
      <c r="AO72" s="89">
        <v>5.6323224940447378E-2</v>
      </c>
      <c r="AP72" s="98">
        <v>0.58178283202103276</v>
      </c>
      <c r="AQ72" s="89">
        <v>6.9107941761176378E-2</v>
      </c>
      <c r="AR72" s="88">
        <v>1.0562847851945934E-2</v>
      </c>
      <c r="AS72" s="89">
        <v>1.968040882969261E-2</v>
      </c>
    </row>
    <row r="73" spans="1:45">
      <c r="A73" s="44" t="s">
        <v>537</v>
      </c>
      <c r="B73" s="99">
        <v>51</v>
      </c>
      <c r="C73" s="100">
        <v>3.7444262418434646</v>
      </c>
      <c r="D73" s="101">
        <v>0.47805160111993494</v>
      </c>
      <c r="E73" s="102">
        <v>0.30525835021598335</v>
      </c>
      <c r="F73" s="92">
        <v>0.12573893929101365</v>
      </c>
      <c r="G73" s="102">
        <v>0.33754783117924048</v>
      </c>
      <c r="H73" s="92">
        <v>0.12857494565708349</v>
      </c>
      <c r="I73" s="102">
        <v>0.30933648367236211</v>
      </c>
      <c r="J73" s="92">
        <v>0.12612916696382268</v>
      </c>
      <c r="K73" s="91">
        <v>4.7857334932413946E-2</v>
      </c>
      <c r="L73" s="92">
        <v>7.3470547985527601E-2</v>
      </c>
      <c r="M73" s="99">
        <v>50</v>
      </c>
      <c r="N73" s="100">
        <v>4.5874620165491011</v>
      </c>
      <c r="O73" s="101">
        <v>0.42079290234825334</v>
      </c>
      <c r="P73" s="102">
        <v>0.27121505245326605</v>
      </c>
      <c r="Q73" s="92">
        <v>0.12326565651431663</v>
      </c>
      <c r="R73" s="102">
        <v>0.12288584782052121</v>
      </c>
      <c r="S73" s="92">
        <v>9.7400847151247513E-2</v>
      </c>
      <c r="T73" s="102">
        <v>0.56483280195635222</v>
      </c>
      <c r="U73" s="92">
        <v>0.13509841527039235</v>
      </c>
      <c r="V73" s="91">
        <v>4.1066297769860378E-2</v>
      </c>
      <c r="W73" s="92">
        <v>7.171299537792912E-2</v>
      </c>
      <c r="X73" s="99">
        <v>50</v>
      </c>
      <c r="Y73" s="100">
        <v>3.5503275071314224</v>
      </c>
      <c r="Z73" s="101">
        <v>0.45456687076820723</v>
      </c>
      <c r="AA73" s="102">
        <v>0.51170998503631149</v>
      </c>
      <c r="AB73" s="92">
        <v>0.13605076353422751</v>
      </c>
      <c r="AC73" s="102">
        <v>0.22630203260269827</v>
      </c>
      <c r="AD73" s="92">
        <v>0.1173081582778386</v>
      </c>
      <c r="AE73" s="102">
        <v>0.26198798236099025</v>
      </c>
      <c r="AF73" s="92">
        <v>0.12215108902390573</v>
      </c>
      <c r="AG73" s="91">
        <v>0</v>
      </c>
      <c r="AH73" s="92">
        <v>5.1399160480645252E-2</v>
      </c>
      <c r="AI73" s="99">
        <v>50</v>
      </c>
      <c r="AJ73" s="100">
        <v>4.5775352998879129</v>
      </c>
      <c r="AK73" s="101">
        <v>0.46178783006917801</v>
      </c>
      <c r="AL73" s="102">
        <v>0.2266025318576837</v>
      </c>
      <c r="AM73" s="92">
        <v>0.1173526505564696</v>
      </c>
      <c r="AN73" s="102">
        <v>0.13529018518053218</v>
      </c>
      <c r="AO73" s="92">
        <v>0.10035587712618546</v>
      </c>
      <c r="AP73" s="102">
        <v>0.63810728296178398</v>
      </c>
      <c r="AQ73" s="92">
        <v>0.1315569004489715</v>
      </c>
      <c r="AR73" s="91">
        <v>0</v>
      </c>
      <c r="AS73" s="92">
        <v>5.1399160480645252E-2</v>
      </c>
    </row>
    <row r="74" spans="1:45">
      <c r="A74" s="40" t="s">
        <v>538</v>
      </c>
      <c r="B74" s="95">
        <v>63</v>
      </c>
      <c r="C74" s="96">
        <v>4.2863285419969639</v>
      </c>
      <c r="D74" s="97">
        <v>0.41559872528301428</v>
      </c>
      <c r="E74" s="98">
        <v>0.23869459859973421</v>
      </c>
      <c r="F74" s="89">
        <v>0.10640082318969138</v>
      </c>
      <c r="G74" s="98">
        <v>0.22290651460918245</v>
      </c>
      <c r="H74" s="89">
        <v>0.10427099871974368</v>
      </c>
      <c r="I74" s="98">
        <v>0.51109914676593737</v>
      </c>
      <c r="J74" s="89">
        <v>0.1221428278782889</v>
      </c>
      <c r="K74" s="88">
        <v>2.7299740025146041E-2</v>
      </c>
      <c r="L74" s="89">
        <v>5.5952062837065789E-2</v>
      </c>
      <c r="M74" s="95">
        <v>63</v>
      </c>
      <c r="N74" s="96">
        <v>4.8699286126422443</v>
      </c>
      <c r="O74" s="97">
        <v>0.37819416226689673</v>
      </c>
      <c r="P74" s="98">
        <v>0.1773543636446884</v>
      </c>
      <c r="Q74" s="89">
        <v>9.711007070929091E-2</v>
      </c>
      <c r="R74" s="98">
        <v>0.20818397275168077</v>
      </c>
      <c r="S74" s="89">
        <v>0.10212893132995025</v>
      </c>
      <c r="T74" s="98">
        <v>0.61446166360363097</v>
      </c>
      <c r="U74" s="89">
        <v>0.11930549907156288</v>
      </c>
      <c r="V74" s="88">
        <v>0</v>
      </c>
      <c r="W74" s="89">
        <v>4.1580477060619639E-2</v>
      </c>
      <c r="X74" s="95">
        <v>63</v>
      </c>
      <c r="Y74" s="96">
        <v>3.8370083603422396</v>
      </c>
      <c r="Z74" s="97">
        <v>0.4007601305692402</v>
      </c>
      <c r="AA74" s="98">
        <v>0.30747566908791235</v>
      </c>
      <c r="AB74" s="89">
        <v>0.11388080063963443</v>
      </c>
      <c r="AC74" s="98">
        <v>0.33508122399872947</v>
      </c>
      <c r="AD74" s="89">
        <v>0.11614514908083984</v>
      </c>
      <c r="AE74" s="98">
        <v>0.30754517051943503</v>
      </c>
      <c r="AF74" s="89">
        <v>0.11388700154811812</v>
      </c>
      <c r="AG74" s="88">
        <v>4.9897936393923412E-2</v>
      </c>
      <c r="AH74" s="89">
        <v>6.5049287551957088E-2</v>
      </c>
      <c r="AI74" s="95">
        <v>63</v>
      </c>
      <c r="AJ74" s="96">
        <v>4.6090118259998025</v>
      </c>
      <c r="AK74" s="97">
        <v>0.38262627638926283</v>
      </c>
      <c r="AL74" s="98">
        <v>0.20515115293515099</v>
      </c>
      <c r="AM74" s="89">
        <v>0.10166808561387841</v>
      </c>
      <c r="AN74" s="98">
        <v>0.19924120772227658</v>
      </c>
      <c r="AO74" s="89">
        <v>0.10075015309661577</v>
      </c>
      <c r="AP74" s="98">
        <v>0.59560763934257266</v>
      </c>
      <c r="AQ74" s="89">
        <v>0.12017848423928787</v>
      </c>
      <c r="AR74" s="88">
        <v>0</v>
      </c>
      <c r="AS74" s="89">
        <v>4.1580477060619639E-2</v>
      </c>
    </row>
    <row r="75" spans="1:45">
      <c r="A75" s="44" t="s">
        <v>539</v>
      </c>
      <c r="B75" s="99">
        <v>71</v>
      </c>
      <c r="C75" s="100">
        <v>4.8040171983642219</v>
      </c>
      <c r="D75" s="101">
        <v>0.36962213372460584</v>
      </c>
      <c r="E75" s="102">
        <v>0.15770299061742188</v>
      </c>
      <c r="F75" s="92">
        <v>8.7938560633956081E-2</v>
      </c>
      <c r="G75" s="102">
        <v>0.25476106626204442</v>
      </c>
      <c r="H75" s="92">
        <v>0.10226813265649043</v>
      </c>
      <c r="I75" s="102">
        <v>0.57235040789813141</v>
      </c>
      <c r="J75" s="92">
        <v>0.11438155663989376</v>
      </c>
      <c r="K75" s="91">
        <v>1.5185535222402782E-2</v>
      </c>
      <c r="L75" s="92">
        <v>4.5815767731104379E-2</v>
      </c>
      <c r="M75" s="99">
        <v>71</v>
      </c>
      <c r="N75" s="100">
        <v>4.8628790131900175</v>
      </c>
      <c r="O75" s="101">
        <v>0.33282314579489747</v>
      </c>
      <c r="P75" s="102">
        <v>0.16525537274635838</v>
      </c>
      <c r="Q75" s="92">
        <v>8.9317329779243726E-2</v>
      </c>
      <c r="R75" s="102">
        <v>0.19519620170960883</v>
      </c>
      <c r="S75" s="92">
        <v>9.4301724270456772E-2</v>
      </c>
      <c r="T75" s="102">
        <v>0.62436289032163039</v>
      </c>
      <c r="U75" s="92">
        <v>0.11222349114507012</v>
      </c>
      <c r="V75" s="91">
        <v>1.5185535222402782E-2</v>
      </c>
      <c r="W75" s="92">
        <v>4.5815767731104379E-2</v>
      </c>
      <c r="X75" s="99">
        <v>71</v>
      </c>
      <c r="Y75" s="100">
        <v>4.8052014735947282</v>
      </c>
      <c r="Z75" s="101">
        <v>0.33813828694331194</v>
      </c>
      <c r="AA75" s="102">
        <v>0.16796889492135825</v>
      </c>
      <c r="AB75" s="92">
        <v>8.9800130750746041E-2</v>
      </c>
      <c r="AC75" s="102">
        <v>0.19890316573898553</v>
      </c>
      <c r="AD75" s="92">
        <v>9.4869214328800938E-2</v>
      </c>
      <c r="AE75" s="102">
        <v>0.57484478422385776</v>
      </c>
      <c r="AF75" s="92">
        <v>0.11430481904072512</v>
      </c>
      <c r="AG75" s="91">
        <v>5.8283155115798867E-2</v>
      </c>
      <c r="AH75" s="92">
        <v>6.3305976228716504E-2</v>
      </c>
      <c r="AI75" s="99">
        <v>71</v>
      </c>
      <c r="AJ75" s="100">
        <v>4.8511547673136111</v>
      </c>
      <c r="AK75" s="101">
        <v>0.36212224695416101</v>
      </c>
      <c r="AL75" s="102">
        <v>0.17539730036684945</v>
      </c>
      <c r="AM75" s="92">
        <v>9.1088971716418055E-2</v>
      </c>
      <c r="AN75" s="102">
        <v>0.21497902561122095</v>
      </c>
      <c r="AO75" s="92">
        <v>9.7213783780012608E-2</v>
      </c>
      <c r="AP75" s="102">
        <v>0.59443813879952723</v>
      </c>
      <c r="AQ75" s="92">
        <v>0.11360924442953137</v>
      </c>
      <c r="AR75" s="91">
        <v>1.5185535222402782E-2</v>
      </c>
      <c r="AS75" s="92">
        <v>4.5815767731104379E-2</v>
      </c>
    </row>
    <row r="76" spans="1:45">
      <c r="A76" s="40" t="s">
        <v>540</v>
      </c>
      <c r="B76" s="95">
        <v>84</v>
      </c>
      <c r="C76" s="96">
        <v>4.849956700052684</v>
      </c>
      <c r="D76" s="97">
        <v>0.36310795854433287</v>
      </c>
      <c r="E76" s="98">
        <v>0.14508642587668574</v>
      </c>
      <c r="F76" s="89">
        <v>7.8400875430322439E-2</v>
      </c>
      <c r="G76" s="98">
        <v>0.23916586958762662</v>
      </c>
      <c r="H76" s="89">
        <v>9.244407124824261E-2</v>
      </c>
      <c r="I76" s="98">
        <v>0.61574770453568783</v>
      </c>
      <c r="J76" s="89">
        <v>0.1039651920374698</v>
      </c>
      <c r="K76" s="88">
        <v>0</v>
      </c>
      <c r="L76" s="89">
        <v>3.177387706452417E-2</v>
      </c>
      <c r="M76" s="95">
        <v>84</v>
      </c>
      <c r="N76" s="96">
        <v>4.9326609237400865</v>
      </c>
      <c r="O76" s="97">
        <v>0.29276940133164703</v>
      </c>
      <c r="P76" s="98">
        <v>6.5802636343662999E-2</v>
      </c>
      <c r="Q76" s="89">
        <v>5.9628387126798521E-2</v>
      </c>
      <c r="R76" s="98">
        <v>0.25711227665225361</v>
      </c>
      <c r="S76" s="89">
        <v>9.4447386980518494E-2</v>
      </c>
      <c r="T76" s="98">
        <v>0.67708508700408343</v>
      </c>
      <c r="U76" s="89">
        <v>0.10032377362493708</v>
      </c>
      <c r="V76" s="88">
        <v>0</v>
      </c>
      <c r="W76" s="89">
        <v>3.177387706452417E-2</v>
      </c>
      <c r="X76" s="95">
        <v>82</v>
      </c>
      <c r="Y76" s="96">
        <v>4.3152717670982055</v>
      </c>
      <c r="Z76" s="97">
        <v>0.35308781749767382</v>
      </c>
      <c r="AA76" s="98">
        <v>0.24429055360147101</v>
      </c>
      <c r="AB76" s="89">
        <v>9.4143326173733971E-2</v>
      </c>
      <c r="AC76" s="98">
        <v>0.23923530173456148</v>
      </c>
      <c r="AD76" s="89">
        <v>9.3555128872228013E-2</v>
      </c>
      <c r="AE76" s="98">
        <v>0.47322655437979178</v>
      </c>
      <c r="AF76" s="89">
        <v>0.10769213496868435</v>
      </c>
      <c r="AG76" s="88">
        <v>4.3247590284175831E-2</v>
      </c>
      <c r="AH76" s="89">
        <v>5.2973308215022788E-2</v>
      </c>
      <c r="AI76" s="95">
        <v>84</v>
      </c>
      <c r="AJ76" s="96">
        <v>5.5507108381233188</v>
      </c>
      <c r="AK76" s="97">
        <v>0.265374378775171</v>
      </c>
      <c r="AL76" s="98">
        <v>2.2778354947717135E-2</v>
      </c>
      <c r="AM76" s="89">
        <v>4.3948650282273655E-2</v>
      </c>
      <c r="AN76" s="98">
        <v>0.14941009496760793</v>
      </c>
      <c r="AO76" s="89">
        <v>7.920247359291184E-2</v>
      </c>
      <c r="AP76" s="98">
        <v>0.82781155008467489</v>
      </c>
      <c r="AQ76" s="89">
        <v>8.3144641324858659E-2</v>
      </c>
      <c r="AR76" s="88">
        <v>0</v>
      </c>
      <c r="AS76" s="89">
        <v>3.177387706452417E-2</v>
      </c>
    </row>
    <row r="77" spans="1:45">
      <c r="A77" s="44" t="s">
        <v>541</v>
      </c>
      <c r="B77" s="99">
        <v>76</v>
      </c>
      <c r="C77" s="100">
        <v>4.4123410502894478</v>
      </c>
      <c r="D77" s="101">
        <v>0.39051393995259281</v>
      </c>
      <c r="E77" s="102">
        <v>0.26661737886716913</v>
      </c>
      <c r="F77" s="92">
        <v>0.10021056040114622</v>
      </c>
      <c r="G77" s="102">
        <v>0.2107655749472018</v>
      </c>
      <c r="H77" s="92">
        <v>9.3407698089169947E-2</v>
      </c>
      <c r="I77" s="102">
        <v>0.51225498079292375</v>
      </c>
      <c r="J77" s="92">
        <v>0.11177308675164227</v>
      </c>
      <c r="K77" s="91">
        <v>1.0362065392704954E-2</v>
      </c>
      <c r="L77" s="92">
        <v>4.1006012014481355E-2</v>
      </c>
      <c r="M77" s="99">
        <v>76</v>
      </c>
      <c r="N77" s="100">
        <v>4.9161733028952526</v>
      </c>
      <c r="O77" s="101">
        <v>0.35513709054735743</v>
      </c>
      <c r="P77" s="102">
        <v>0.15938105418986037</v>
      </c>
      <c r="Q77" s="92">
        <v>8.5232272999744119E-2</v>
      </c>
      <c r="R77" s="102">
        <v>0.1733633369842276</v>
      </c>
      <c r="S77" s="92">
        <v>8.7667243757991925E-2</v>
      </c>
      <c r="T77" s="102">
        <v>0.64653147804050193</v>
      </c>
      <c r="U77" s="92">
        <v>0.10738295829967562</v>
      </c>
      <c r="V77" s="91">
        <v>2.0724130785409908E-2</v>
      </c>
      <c r="W77" s="92">
        <v>4.6201143748131779E-2</v>
      </c>
      <c r="X77" s="99">
        <v>76</v>
      </c>
      <c r="Y77" s="100">
        <v>4.0500527619188658</v>
      </c>
      <c r="Z77" s="101">
        <v>0.39895428956857343</v>
      </c>
      <c r="AA77" s="102">
        <v>0.37017102710482447</v>
      </c>
      <c r="AB77" s="92">
        <v>0.10834847832613476</v>
      </c>
      <c r="AC77" s="102">
        <v>0.20602881761215028</v>
      </c>
      <c r="AD77" s="92">
        <v>9.2738018604225744E-2</v>
      </c>
      <c r="AE77" s="102">
        <v>0.41343808989031977</v>
      </c>
      <c r="AF77" s="92">
        <v>0.11028091397328069</v>
      </c>
      <c r="AG77" s="91">
        <v>1.0362065392704954E-2</v>
      </c>
      <c r="AH77" s="92">
        <v>4.1006012014481355E-2</v>
      </c>
      <c r="AI77" s="99">
        <v>76</v>
      </c>
      <c r="AJ77" s="100">
        <v>5.0034275309954337</v>
      </c>
      <c r="AK77" s="101">
        <v>0.35053648253154135</v>
      </c>
      <c r="AL77" s="102">
        <v>0.19076548804009366</v>
      </c>
      <c r="AM77" s="92">
        <v>9.047031280844535E-2</v>
      </c>
      <c r="AN77" s="102">
        <v>0.15315130124442547</v>
      </c>
      <c r="AO77" s="92">
        <v>8.4090909765811531E-2</v>
      </c>
      <c r="AP77" s="102">
        <v>0.64572114532277569</v>
      </c>
      <c r="AQ77" s="92">
        <v>0.10743270600584144</v>
      </c>
      <c r="AR77" s="91">
        <v>1.0362065392704954E-2</v>
      </c>
      <c r="AS77" s="92">
        <v>4.1006012014481355E-2</v>
      </c>
    </row>
    <row r="78" spans="1:45">
      <c r="A78" s="40" t="s">
        <v>542</v>
      </c>
      <c r="B78" s="78">
        <v>127</v>
      </c>
      <c r="C78" s="79">
        <v>4.167490414568868</v>
      </c>
      <c r="D78" s="80">
        <v>0.329388089533244</v>
      </c>
      <c r="E78" s="93">
        <v>0.35275912448376617</v>
      </c>
      <c r="F78" s="89">
        <v>8.3734198377499069E-2</v>
      </c>
      <c r="G78" s="93">
        <v>0.17538558146887223</v>
      </c>
      <c r="H78" s="89">
        <v>6.789356711936996E-2</v>
      </c>
      <c r="I78" s="93">
        <v>0.47185529404736087</v>
      </c>
      <c r="J78" s="89">
        <v>8.7240216058251094E-2</v>
      </c>
      <c r="K78" s="93">
        <v>0</v>
      </c>
      <c r="L78" s="89">
        <v>2.1425595681499328E-2</v>
      </c>
      <c r="M78" s="78">
        <v>127</v>
      </c>
      <c r="N78" s="79">
        <v>4.6065174078440005</v>
      </c>
      <c r="O78" s="80">
        <v>0.30416421815351374</v>
      </c>
      <c r="P78" s="93">
        <v>0.26068481467292604</v>
      </c>
      <c r="Q78" s="89">
        <v>7.7395062050828356E-2</v>
      </c>
      <c r="R78" s="93">
        <v>0.16901832235670963</v>
      </c>
      <c r="S78" s="89">
        <v>6.7005525334998664E-2</v>
      </c>
      <c r="T78" s="93">
        <v>0.55618687251875742</v>
      </c>
      <c r="U78" s="89">
        <v>8.685038178055289E-2</v>
      </c>
      <c r="V78" s="93">
        <v>1.4109990451606181E-2</v>
      </c>
      <c r="W78" s="89">
        <v>2.9296294633834208E-2</v>
      </c>
      <c r="X78" s="78">
        <v>128</v>
      </c>
      <c r="Y78" s="79">
        <v>3.9400786545880435</v>
      </c>
      <c r="Z78" s="80">
        <v>0.32025134623650536</v>
      </c>
      <c r="AA78" s="93">
        <v>0.40407357737360072</v>
      </c>
      <c r="AB78" s="89">
        <v>8.5519333488257576E-2</v>
      </c>
      <c r="AC78" s="93">
        <v>0.19427508402617122</v>
      </c>
      <c r="AD78" s="89">
        <v>7.0088938600191483E-2</v>
      </c>
      <c r="AE78" s="93">
        <v>0.39285940425333832</v>
      </c>
      <c r="AF78" s="89">
        <v>8.51391116993509E-2</v>
      </c>
      <c r="AG78" s="93">
        <v>8.7919343468891246E-3</v>
      </c>
      <c r="AH78" s="89">
        <v>2.6466917959049908E-2</v>
      </c>
      <c r="AI78" s="78">
        <v>127</v>
      </c>
      <c r="AJ78" s="79">
        <v>4.6721538129015752</v>
      </c>
      <c r="AK78" s="80">
        <v>0.27698325483102787</v>
      </c>
      <c r="AL78" s="93">
        <v>0.21277915382993931</v>
      </c>
      <c r="AM78" s="89">
        <v>7.2567985111421554E-2</v>
      </c>
      <c r="AN78" s="93">
        <v>0.19529830899115658</v>
      </c>
      <c r="AO78" s="89">
        <v>7.0492298624201824E-2</v>
      </c>
      <c r="AP78" s="93">
        <v>0.57781254672729698</v>
      </c>
      <c r="AQ78" s="89">
        <v>8.6370287639667545E-2</v>
      </c>
      <c r="AR78" s="93">
        <v>1.4109990451606181E-2</v>
      </c>
      <c r="AS78" s="89">
        <v>2.9296294633834208E-2</v>
      </c>
    </row>
    <row r="79" spans="1:45">
      <c r="A79" s="44" t="s">
        <v>547</v>
      </c>
      <c r="B79" s="99">
        <v>56</v>
      </c>
      <c r="C79" s="100">
        <v>3.900671845489637</v>
      </c>
      <c r="D79" s="101">
        <v>0.53327120850293586</v>
      </c>
      <c r="E79" s="102">
        <v>0.48158261785258411</v>
      </c>
      <c r="F79" s="92">
        <v>0.12902312948756053</v>
      </c>
      <c r="G79" s="102">
        <v>8.0766346932287583E-2</v>
      </c>
      <c r="H79" s="92">
        <v>8.0372569948741771E-2</v>
      </c>
      <c r="I79" s="102">
        <v>0.43765103521512844</v>
      </c>
      <c r="J79" s="92">
        <v>0.12822211156362251</v>
      </c>
      <c r="K79" s="91">
        <v>0</v>
      </c>
      <c r="L79" s="92">
        <v>4.6348119143587135E-2</v>
      </c>
      <c r="M79" s="99">
        <v>55</v>
      </c>
      <c r="N79" s="100">
        <v>4.4564336347421669</v>
      </c>
      <c r="O79" s="101">
        <v>0.48801120844269691</v>
      </c>
      <c r="P79" s="102">
        <v>0.31197745561203971</v>
      </c>
      <c r="Q79" s="92">
        <v>0.12192762109744115</v>
      </c>
      <c r="R79" s="102">
        <v>0.1112836427258955</v>
      </c>
      <c r="S79" s="92">
        <v>8.9705079631907422E-2</v>
      </c>
      <c r="T79" s="102">
        <v>0.54713163905781659</v>
      </c>
      <c r="U79" s="92">
        <v>0.12968530459292016</v>
      </c>
      <c r="V79" s="91">
        <v>2.9607262604248254E-2</v>
      </c>
      <c r="W79" s="92">
        <v>6.2553708600603414E-2</v>
      </c>
      <c r="X79" s="99">
        <v>56</v>
      </c>
      <c r="Y79" s="100">
        <v>3.6012894648082248</v>
      </c>
      <c r="Z79" s="101">
        <v>0.48349244713235939</v>
      </c>
      <c r="AA79" s="102">
        <v>0.4591319308758105</v>
      </c>
      <c r="AB79" s="92">
        <v>0.12872323567222918</v>
      </c>
      <c r="AC79" s="102">
        <v>0.22226665311983904</v>
      </c>
      <c r="AD79" s="92">
        <v>0.11039508960366061</v>
      </c>
      <c r="AE79" s="102">
        <v>0.30025594181541904</v>
      </c>
      <c r="AF79" s="92">
        <v>0.11979000514679829</v>
      </c>
      <c r="AG79" s="91">
        <v>1.8345474188931378E-2</v>
      </c>
      <c r="AH79" s="92">
        <v>5.6515479051921419E-2</v>
      </c>
      <c r="AI79" s="99">
        <v>55</v>
      </c>
      <c r="AJ79" s="100">
        <v>4.4710392459450485</v>
      </c>
      <c r="AK79" s="101">
        <v>0.40022309175916537</v>
      </c>
      <c r="AL79" s="102">
        <v>0.22130113339921084</v>
      </c>
      <c r="AM79" s="92">
        <v>0.11123402324819867</v>
      </c>
      <c r="AN79" s="102">
        <v>0.26384999387083108</v>
      </c>
      <c r="AO79" s="92">
        <v>0.11689150481901803</v>
      </c>
      <c r="AP79" s="102">
        <v>0.48524161012570999</v>
      </c>
      <c r="AQ79" s="92">
        <v>0.13013961794918991</v>
      </c>
      <c r="AR79" s="91">
        <v>2.9607262604248254E-2</v>
      </c>
      <c r="AS79" s="92">
        <v>6.2553708600603414E-2</v>
      </c>
    </row>
    <row r="80" spans="1:45">
      <c r="A80" s="52" t="s">
        <v>548</v>
      </c>
      <c r="B80" s="95">
        <v>90</v>
      </c>
      <c r="C80" s="96">
        <v>5.0451395228538196</v>
      </c>
      <c r="D80" s="97">
        <v>0.31685200163102822</v>
      </c>
      <c r="E80" s="98">
        <v>0.12258133694334768</v>
      </c>
      <c r="F80" s="89">
        <v>7.1286113074782276E-2</v>
      </c>
      <c r="G80" s="98">
        <v>0.2096592363330205</v>
      </c>
      <c r="H80" s="89">
        <v>8.5731861581324148E-2</v>
      </c>
      <c r="I80" s="98">
        <v>0.64218633141175174</v>
      </c>
      <c r="J80" s="89">
        <v>9.924545770324085E-2</v>
      </c>
      <c r="K80" s="88">
        <v>2.557309531188031E-2</v>
      </c>
      <c r="L80" s="89">
        <v>4.3106677031615748E-2</v>
      </c>
      <c r="M80" s="95">
        <v>89</v>
      </c>
      <c r="N80" s="96">
        <v>4.9635734657286719</v>
      </c>
      <c r="O80" s="97">
        <v>0.30949631889064289</v>
      </c>
      <c r="P80" s="98">
        <v>0.140177247905695</v>
      </c>
      <c r="Q80" s="89">
        <v>7.5184499862793408E-2</v>
      </c>
      <c r="R80" s="98">
        <v>0.20920529477397212</v>
      </c>
      <c r="S80" s="89">
        <v>8.6149687090389948E-2</v>
      </c>
      <c r="T80" s="98">
        <v>0.63977288367385055</v>
      </c>
      <c r="U80" s="89">
        <v>9.991565380975384E-2</v>
      </c>
      <c r="V80" s="88">
        <v>1.0844573646482523E-2</v>
      </c>
      <c r="W80" s="89">
        <v>3.6436398012141755E-2</v>
      </c>
      <c r="X80" s="95">
        <v>90</v>
      </c>
      <c r="Y80" s="96">
        <v>4.8659652061605314</v>
      </c>
      <c r="Z80" s="97">
        <v>0.29621350955212916</v>
      </c>
      <c r="AA80" s="98">
        <v>0.13709837360842569</v>
      </c>
      <c r="AB80" s="89">
        <v>7.4168365265572647E-2</v>
      </c>
      <c r="AC80" s="98">
        <v>0.25336132663487954</v>
      </c>
      <c r="AD80" s="89">
        <v>9.0914102456305851E-2</v>
      </c>
      <c r="AE80" s="98">
        <v>0.59522016737217176</v>
      </c>
      <c r="AF80" s="89">
        <v>0.10141306958422876</v>
      </c>
      <c r="AG80" s="88">
        <v>1.4320132384523326E-2</v>
      </c>
      <c r="AH80" s="89">
        <v>3.7904272132422007E-2</v>
      </c>
      <c r="AI80" s="95">
        <v>89</v>
      </c>
      <c r="AJ80" s="96">
        <v>5.3682291198291257</v>
      </c>
      <c r="AK80" s="97">
        <v>0.29611459833019355</v>
      </c>
      <c r="AL80" s="98">
        <v>0.10697829040021414</v>
      </c>
      <c r="AM80" s="89">
        <v>6.8324207692745165E-2</v>
      </c>
      <c r="AN80" s="98">
        <v>0.1049928652567079</v>
      </c>
      <c r="AO80" s="89">
        <v>6.787170338123022E-2</v>
      </c>
      <c r="AP80" s="98">
        <v>0.78802884434307818</v>
      </c>
      <c r="AQ80" s="89">
        <v>8.651491534710308E-2</v>
      </c>
      <c r="AR80" s="88">
        <v>0</v>
      </c>
      <c r="AS80" s="89">
        <v>3.0084393934100805E-2</v>
      </c>
    </row>
    <row r="81" spans="1:45">
      <c r="A81" s="44" t="s">
        <v>549</v>
      </c>
      <c r="B81" s="99">
        <v>69</v>
      </c>
      <c r="C81" s="100">
        <v>4.7659319659193855</v>
      </c>
      <c r="D81" s="101">
        <v>0.38165700831109628</v>
      </c>
      <c r="E81" s="102">
        <v>0.174639394745946</v>
      </c>
      <c r="F81" s="92">
        <v>9.2284160145713848E-2</v>
      </c>
      <c r="G81" s="102">
        <v>0.12388700758316283</v>
      </c>
      <c r="H81" s="92">
        <v>8.2301438054338968E-2</v>
      </c>
      <c r="I81" s="102">
        <v>0.67688522304709664</v>
      </c>
      <c r="J81" s="92">
        <v>0.11030382454380275</v>
      </c>
      <c r="K81" s="91">
        <v>2.4588374623794866E-2</v>
      </c>
      <c r="L81" s="92">
        <v>5.1324424247046897E-2</v>
      </c>
      <c r="M81" s="99">
        <v>68</v>
      </c>
      <c r="N81" s="100">
        <v>4.8754382027777092</v>
      </c>
      <c r="O81" s="101">
        <v>0.36620293933959136</v>
      </c>
      <c r="P81" s="102">
        <v>0.19106261373766892</v>
      </c>
      <c r="Q81" s="92">
        <v>9.5704353001463488E-2</v>
      </c>
      <c r="R81" s="102">
        <v>0.17527659698764489</v>
      </c>
      <c r="S81" s="92">
        <v>9.3078642459406613E-2</v>
      </c>
      <c r="T81" s="102">
        <v>0.60415546320940061</v>
      </c>
      <c r="U81" s="92">
        <v>0.11554785691559342</v>
      </c>
      <c r="V81" s="91">
        <v>2.9505326065285664E-2</v>
      </c>
      <c r="W81" s="92">
        <v>5.4030687439391677E-2</v>
      </c>
      <c r="X81" s="99">
        <v>67</v>
      </c>
      <c r="Y81" s="100">
        <v>4.409145592583763</v>
      </c>
      <c r="Z81" s="101">
        <v>0.42667292740722201</v>
      </c>
      <c r="AA81" s="102">
        <v>0.24453491433898752</v>
      </c>
      <c r="AB81" s="92">
        <v>0.10397290000079044</v>
      </c>
      <c r="AC81" s="102">
        <v>0.19656964189933124</v>
      </c>
      <c r="AD81" s="92">
        <v>9.7290583366715228E-2</v>
      </c>
      <c r="AE81" s="102">
        <v>0.52948306706810799</v>
      </c>
      <c r="AF81" s="92">
        <v>0.11849429381353256</v>
      </c>
      <c r="AG81" s="91">
        <v>2.9412376693573411E-2</v>
      </c>
      <c r="AH81" s="92">
        <v>5.4538691233778698E-2</v>
      </c>
      <c r="AI81" s="99">
        <v>66</v>
      </c>
      <c r="AJ81" s="100">
        <v>5.0541101046219286</v>
      </c>
      <c r="AK81" s="101">
        <v>0.3425415810674512</v>
      </c>
      <c r="AL81" s="102">
        <v>0.15662272353886997</v>
      </c>
      <c r="AM81" s="92">
        <v>9.1083081442254632E-2</v>
      </c>
      <c r="AN81" s="102">
        <v>0.12703647533271623</v>
      </c>
      <c r="AO81" s="92">
        <v>8.4967673466725374E-2</v>
      </c>
      <c r="AP81" s="102">
        <v>0.71634080112841414</v>
      </c>
      <c r="AQ81" s="92">
        <v>0.10912451182681597</v>
      </c>
      <c r="AR81" s="91">
        <v>0</v>
      </c>
      <c r="AS81" s="92">
        <v>3.9824688710695409E-2</v>
      </c>
    </row>
    <row r="82" spans="1:45">
      <c r="A82" s="52" t="s">
        <v>550</v>
      </c>
      <c r="B82" s="95">
        <v>89</v>
      </c>
      <c r="C82" s="96">
        <v>4.9021667424411852</v>
      </c>
      <c r="D82" s="97">
        <v>0.3241150635105744</v>
      </c>
      <c r="E82" s="98">
        <v>0.1043796163586809</v>
      </c>
      <c r="F82" s="89">
        <v>6.7730861454496333E-2</v>
      </c>
      <c r="G82" s="98">
        <v>0.24381335293667011</v>
      </c>
      <c r="H82" s="89">
        <v>9.0373827502090526E-2</v>
      </c>
      <c r="I82" s="98">
        <v>0.60921245044277972</v>
      </c>
      <c r="J82" s="89">
        <v>0.10140445693472748</v>
      </c>
      <c r="K82" s="88">
        <v>4.2594580261869248E-2</v>
      </c>
      <c r="L82" s="89">
        <v>5.0114121949624967E-2</v>
      </c>
      <c r="M82" s="95">
        <v>89</v>
      </c>
      <c r="N82" s="96">
        <v>4.9457513551733294</v>
      </c>
      <c r="O82" s="97">
        <v>0.32030406456752664</v>
      </c>
      <c r="P82" s="98">
        <v>0.15853799644360503</v>
      </c>
      <c r="Q82" s="89">
        <v>7.8485063292717344E-2</v>
      </c>
      <c r="R82" s="98">
        <v>0.17087348752574136</v>
      </c>
      <c r="S82" s="89">
        <v>8.0534121016201707E-2</v>
      </c>
      <c r="T82" s="98">
        <v>0.64207843504934925</v>
      </c>
      <c r="U82" s="89">
        <v>9.9787479450379413E-2</v>
      </c>
      <c r="V82" s="88">
        <v>2.8510080981304115E-2</v>
      </c>
      <c r="W82" s="89">
        <v>4.4677496469207344E-2</v>
      </c>
      <c r="X82" s="95">
        <v>88</v>
      </c>
      <c r="Y82" s="96">
        <v>4.4698269546442315</v>
      </c>
      <c r="Z82" s="97">
        <v>0.3005663580223133</v>
      </c>
      <c r="AA82" s="98">
        <v>0.15891591764459373</v>
      </c>
      <c r="AB82" s="89">
        <v>7.9004156704970324E-2</v>
      </c>
      <c r="AC82" s="98">
        <v>0.26929747110524843</v>
      </c>
      <c r="AD82" s="89">
        <v>9.355395453422255E-2</v>
      </c>
      <c r="AE82" s="98">
        <v>0.50676787322543693</v>
      </c>
      <c r="AF82" s="89">
        <v>0.10424846829689104</v>
      </c>
      <c r="AG82" s="88">
        <v>6.5018738024720968E-2</v>
      </c>
      <c r="AH82" s="89">
        <v>5.7817764539983427E-2</v>
      </c>
      <c r="AI82" s="95">
        <v>87</v>
      </c>
      <c r="AJ82" s="96">
        <v>5.1793117090363694</v>
      </c>
      <c r="AK82" s="97">
        <v>0.33487315851717803</v>
      </c>
      <c r="AL82" s="98">
        <v>9.8270490651513109E-2</v>
      </c>
      <c r="AM82" s="89">
        <v>6.7119514093878244E-2</v>
      </c>
      <c r="AN82" s="98">
        <v>0.15499131456170651</v>
      </c>
      <c r="AO82" s="89">
        <v>7.8782852569107595E-2</v>
      </c>
      <c r="AP82" s="98">
        <v>0.71770396550322157</v>
      </c>
      <c r="AQ82" s="89">
        <v>9.5314402762118583E-2</v>
      </c>
      <c r="AR82" s="88">
        <v>2.9034229283558553E-2</v>
      </c>
      <c r="AS82" s="89">
        <v>4.5579226798126093E-2</v>
      </c>
    </row>
    <row r="83" spans="1:45">
      <c r="A83" s="44" t="s">
        <v>551</v>
      </c>
      <c r="B83" s="99">
        <v>85</v>
      </c>
      <c r="C83" s="100">
        <v>5.0092071541617065</v>
      </c>
      <c r="D83" s="101">
        <v>0.35111226387573463</v>
      </c>
      <c r="E83" s="102">
        <v>0.18250905572982035</v>
      </c>
      <c r="F83" s="92">
        <v>8.4283259087979179E-2</v>
      </c>
      <c r="G83" s="102">
        <v>0.12699335103012718</v>
      </c>
      <c r="H83" s="92">
        <v>7.4378751341875604E-2</v>
      </c>
      <c r="I83" s="102">
        <v>0.66576065235874959</v>
      </c>
      <c r="J83" s="92">
        <v>0.10054630797561694</v>
      </c>
      <c r="K83" s="91">
        <v>2.4736940881302624E-2</v>
      </c>
      <c r="L83" s="92">
        <v>4.4455324239997408E-2</v>
      </c>
      <c r="M83" s="99">
        <v>83</v>
      </c>
      <c r="N83" s="100">
        <v>5.0490783875782768</v>
      </c>
      <c r="O83" s="101">
        <v>0.34854105313677003</v>
      </c>
      <c r="P83" s="102">
        <v>0.1426039984463513</v>
      </c>
      <c r="Q83" s="92">
        <v>7.8416380441385117E-2</v>
      </c>
      <c r="R83" s="102">
        <v>0.15154088521134465</v>
      </c>
      <c r="S83" s="92">
        <v>8.0081846673687687E-2</v>
      </c>
      <c r="T83" s="102">
        <v>0.68059825138378172</v>
      </c>
      <c r="U83" s="92">
        <v>0.10064492566896382</v>
      </c>
      <c r="V83" s="91">
        <v>2.5256864958521922E-2</v>
      </c>
      <c r="W83" s="92">
        <v>4.5418726056550736E-2</v>
      </c>
      <c r="X83" s="99">
        <v>84</v>
      </c>
      <c r="Y83" s="100">
        <v>4.6511435038432412</v>
      </c>
      <c r="Z83" s="101">
        <v>0.3809909796599894</v>
      </c>
      <c r="AA83" s="102">
        <v>0.20147783367566327</v>
      </c>
      <c r="AB83" s="92">
        <v>8.759457250974681E-2</v>
      </c>
      <c r="AC83" s="102">
        <v>0.16405353979505699</v>
      </c>
      <c r="AD83" s="92">
        <v>8.1788751227241552E-2</v>
      </c>
      <c r="AE83" s="102">
        <v>0.58336889268971281</v>
      </c>
      <c r="AF83" s="92">
        <v>0.10524152297600575</v>
      </c>
      <c r="AG83" s="91">
        <v>5.1099733839566557E-2</v>
      </c>
      <c r="AH83" s="92">
        <v>5.4934435178673198E-2</v>
      </c>
      <c r="AI83" s="99">
        <v>84</v>
      </c>
      <c r="AJ83" s="100">
        <v>5.1556622925396862</v>
      </c>
      <c r="AK83" s="101">
        <v>0.32983612362785525</v>
      </c>
      <c r="AL83" s="102">
        <v>0.10449178491826569</v>
      </c>
      <c r="AM83" s="92">
        <v>6.9892992728036479E-2</v>
      </c>
      <c r="AN83" s="102">
        <v>0.17032585282708446</v>
      </c>
      <c r="AO83" s="92">
        <v>8.2839071615419951E-2</v>
      </c>
      <c r="AP83" s="102">
        <v>0.70011620049202339</v>
      </c>
      <c r="AQ83" s="92">
        <v>9.8514271219840993E-2</v>
      </c>
      <c r="AR83" s="91">
        <v>2.5066161762626056E-2</v>
      </c>
      <c r="AS83" s="92">
        <v>4.4963349650557434E-2</v>
      </c>
    </row>
    <row r="84" spans="1:45">
      <c r="A84" s="52" t="s">
        <v>543</v>
      </c>
      <c r="B84" s="95">
        <v>131</v>
      </c>
      <c r="C84" s="96">
        <v>4.8566635085520131</v>
      </c>
      <c r="D84" s="97">
        <v>0.26857808064758237</v>
      </c>
      <c r="E84" s="98">
        <v>0.16857566085664499</v>
      </c>
      <c r="F84" s="89">
        <v>6.5900179609610005E-2</v>
      </c>
      <c r="G84" s="98">
        <v>0.22556051935347962</v>
      </c>
      <c r="H84" s="89">
        <v>7.2842820300052416E-2</v>
      </c>
      <c r="I84" s="98">
        <v>0.5979958791406067</v>
      </c>
      <c r="J84" s="89">
        <v>8.4495444531904676E-2</v>
      </c>
      <c r="K84" s="88">
        <v>7.8679406492679054E-3</v>
      </c>
      <c r="L84" s="89">
        <v>2.5499830268913334E-2</v>
      </c>
      <c r="M84" s="95">
        <v>130</v>
      </c>
      <c r="N84" s="96">
        <v>5.1327975494105011</v>
      </c>
      <c r="O84" s="97">
        <v>0.21521466162938022</v>
      </c>
      <c r="P84" s="98">
        <v>7.9469213551649792E-2</v>
      </c>
      <c r="Q84" s="89">
        <v>4.9941534332906129E-2</v>
      </c>
      <c r="R84" s="98">
        <v>0.25734687882156565</v>
      </c>
      <c r="S84" s="89">
        <v>7.6213026705861539E-2</v>
      </c>
      <c r="T84" s="98">
        <v>0.66318390762678392</v>
      </c>
      <c r="U84" s="89">
        <v>8.1942293926885484E-2</v>
      </c>
      <c r="V84" s="88">
        <v>0</v>
      </c>
      <c r="W84" s="89">
        <v>2.0949553032762303E-2</v>
      </c>
      <c r="X84" s="95">
        <v>130</v>
      </c>
      <c r="Y84" s="96">
        <v>4.7701461588966234</v>
      </c>
      <c r="Z84" s="97">
        <v>0.25566043817725487</v>
      </c>
      <c r="AA84" s="98">
        <v>0.16456803870135073</v>
      </c>
      <c r="AB84" s="89">
        <v>6.5586317939173647E-2</v>
      </c>
      <c r="AC84" s="98">
        <v>0.20880340880170528</v>
      </c>
      <c r="AD84" s="89">
        <v>7.1276506364886361E-2</v>
      </c>
      <c r="AE84" s="98">
        <v>0.57209926018397073</v>
      </c>
      <c r="AF84" s="89">
        <v>8.553735521770181E-2</v>
      </c>
      <c r="AG84" s="88">
        <v>5.4529292312972377E-2</v>
      </c>
      <c r="AH84" s="89">
        <v>4.3443713308481444E-2</v>
      </c>
      <c r="AI84" s="95">
        <v>130</v>
      </c>
      <c r="AJ84" s="96">
        <v>5.342455052497316</v>
      </c>
      <c r="AK84" s="97">
        <v>0.26302591644792273</v>
      </c>
      <c r="AL84" s="103">
        <v>0.13583946124107762</v>
      </c>
      <c r="AM84" s="89">
        <v>6.113018234083388E-2</v>
      </c>
      <c r="AN84" s="98">
        <v>0.14493814302643776</v>
      </c>
      <c r="AO84" s="89">
        <v>6.2615921079203496E-2</v>
      </c>
      <c r="AP84" s="98">
        <v>0.71922239573248381</v>
      </c>
      <c r="AQ84" s="89">
        <v>7.8182312695872905E-2</v>
      </c>
      <c r="AR84" s="88">
        <v>0</v>
      </c>
      <c r="AS84" s="89">
        <v>2.0949553032762303E-2</v>
      </c>
    </row>
    <row r="85" spans="1:45">
      <c r="A85" s="44" t="s">
        <v>544</v>
      </c>
      <c r="B85" s="99">
        <v>41</v>
      </c>
      <c r="C85" s="100">
        <v>4.5235523973709793</v>
      </c>
      <c r="D85" s="101">
        <v>0.46138518390153666</v>
      </c>
      <c r="E85" s="102">
        <v>0.15711517640452471</v>
      </c>
      <c r="F85" s="92">
        <v>0.1163910585781739</v>
      </c>
      <c r="G85" s="102">
        <v>0.35733829912269605</v>
      </c>
      <c r="H85" s="92">
        <v>0.14394598610996703</v>
      </c>
      <c r="I85" s="102">
        <v>0.48554652447277918</v>
      </c>
      <c r="J85" s="92">
        <v>0.14901948709466437</v>
      </c>
      <c r="K85" s="91">
        <v>0</v>
      </c>
      <c r="L85" s="92">
        <v>6.1441307713563618E-2</v>
      </c>
      <c r="M85" s="99">
        <v>41</v>
      </c>
      <c r="N85" s="100">
        <v>5.0288943181421173</v>
      </c>
      <c r="O85" s="101">
        <v>0.34571884950496096</v>
      </c>
      <c r="P85" s="102">
        <v>2.4990689500901896E-2</v>
      </c>
      <c r="Q85" s="92">
        <v>7.4652410882708242E-2</v>
      </c>
      <c r="R85" s="102">
        <v>0.39188363325762071</v>
      </c>
      <c r="S85" s="92">
        <v>0.14614956218474881</v>
      </c>
      <c r="T85" s="102">
        <v>0.58312567724147746</v>
      </c>
      <c r="U85" s="92">
        <v>0.14735111446507659</v>
      </c>
      <c r="V85" s="91">
        <v>0</v>
      </c>
      <c r="W85" s="92">
        <v>6.1441307713563618E-2</v>
      </c>
      <c r="X85" s="99">
        <v>41</v>
      </c>
      <c r="Y85" s="100">
        <v>5.1121559418360265</v>
      </c>
      <c r="Z85" s="101">
        <v>0.39562611481729582</v>
      </c>
      <c r="AA85" s="102">
        <v>7.0925330927396543E-2</v>
      </c>
      <c r="AB85" s="92">
        <v>9.2937284238257811E-2</v>
      </c>
      <c r="AC85" s="102">
        <v>0.17179465256189605</v>
      </c>
      <c r="AD85" s="92">
        <v>0.11947296814359153</v>
      </c>
      <c r="AE85" s="102">
        <v>0.65170837001988868</v>
      </c>
      <c r="AF85" s="92">
        <v>0.14326179674541462</v>
      </c>
      <c r="AG85" s="91">
        <v>0.10557164649081884</v>
      </c>
      <c r="AH85" s="92">
        <v>0.10364666505607696</v>
      </c>
      <c r="AI85" s="99">
        <v>41</v>
      </c>
      <c r="AJ85" s="100">
        <v>4.939429570792977</v>
      </c>
      <c r="AK85" s="101">
        <v>0.46826824123207356</v>
      </c>
      <c r="AL85" s="102">
        <v>0.2482275043347103</v>
      </c>
      <c r="AM85" s="92">
        <v>0.13245677896444624</v>
      </c>
      <c r="AN85" s="102">
        <v>0.13219432565814795</v>
      </c>
      <c r="AO85" s="92">
        <v>0.110634556367828</v>
      </c>
      <c r="AP85" s="102">
        <v>0.61957817000714177</v>
      </c>
      <c r="AQ85" s="92">
        <v>0.14548924833672913</v>
      </c>
      <c r="AR85" s="91">
        <v>0</v>
      </c>
      <c r="AS85" s="92">
        <v>6.1441307713563618E-2</v>
      </c>
    </row>
    <row r="86" spans="1:45">
      <c r="A86" s="52" t="s">
        <v>552</v>
      </c>
      <c r="B86" s="95">
        <v>90</v>
      </c>
      <c r="C86" s="96">
        <v>5.0115069042338627</v>
      </c>
      <c r="D86" s="97">
        <v>0.32923411370722544</v>
      </c>
      <c r="E86" s="98">
        <v>0.17384177859641078</v>
      </c>
      <c r="F86" s="89">
        <v>8.0551749886358173E-2</v>
      </c>
      <c r="G86" s="98">
        <v>0.16500834054735605</v>
      </c>
      <c r="H86" s="89">
        <v>7.9124994662755993E-2</v>
      </c>
      <c r="I86" s="98">
        <v>0.6496666042234267</v>
      </c>
      <c r="J86" s="89">
        <v>9.8815481799577082E-2</v>
      </c>
      <c r="K86" s="88">
        <v>1.1483276632806268E-2</v>
      </c>
      <c r="L86" s="89">
        <v>3.6454454544227646E-2</v>
      </c>
      <c r="M86" s="95">
        <v>89</v>
      </c>
      <c r="N86" s="96">
        <v>5.181158980616817</v>
      </c>
      <c r="O86" s="97">
        <v>0.27226127300469805</v>
      </c>
      <c r="P86" s="98">
        <v>0.10482607070555579</v>
      </c>
      <c r="Q86" s="89">
        <v>6.7833447051218784E-2</v>
      </c>
      <c r="R86" s="98">
        <v>0.19472717089762606</v>
      </c>
      <c r="S86" s="89">
        <v>8.4153616748243898E-2</v>
      </c>
      <c r="T86" s="98">
        <v>0.70044675839681791</v>
      </c>
      <c r="U86" s="89">
        <v>9.5760233471747419E-2</v>
      </c>
      <c r="V86" s="88">
        <v>0</v>
      </c>
      <c r="W86" s="89">
        <v>3.0084393934100805E-2</v>
      </c>
      <c r="X86" s="95">
        <v>89</v>
      </c>
      <c r="Y86" s="96">
        <v>4.623244015769318</v>
      </c>
      <c r="Z86" s="97">
        <v>0.31772630982250233</v>
      </c>
      <c r="AA86" s="98">
        <v>0.20815374161645245</v>
      </c>
      <c r="AB86" s="89">
        <v>8.6009504787390445E-2</v>
      </c>
      <c r="AC86" s="98">
        <v>0.22602901764056479</v>
      </c>
      <c r="AD86" s="89">
        <v>8.8295161890195817E-2</v>
      </c>
      <c r="AE86" s="98">
        <v>0.53504545115679214</v>
      </c>
      <c r="AF86" s="89">
        <v>0.10346163270205082</v>
      </c>
      <c r="AG86" s="88">
        <v>3.0771789586190007E-2</v>
      </c>
      <c r="AH86" s="89">
        <v>4.5605778658587982E-2</v>
      </c>
      <c r="AI86" s="95">
        <v>89</v>
      </c>
      <c r="AJ86" s="96">
        <v>5.5300419915164643</v>
      </c>
      <c r="AK86" s="97">
        <v>0.31650012483697021</v>
      </c>
      <c r="AL86" s="103">
        <v>8.3528801138068959E-2</v>
      </c>
      <c r="AM86" s="89">
        <v>6.261373467767678E-2</v>
      </c>
      <c r="AN86" s="98">
        <v>0.15086971261709306</v>
      </c>
      <c r="AO86" s="89">
        <v>7.7144712821507228E-2</v>
      </c>
      <c r="AP86" s="98">
        <v>0.76560148624483793</v>
      </c>
      <c r="AQ86" s="89">
        <v>8.9296814008279116E-2</v>
      </c>
      <c r="AR86" s="88">
        <v>0</v>
      </c>
      <c r="AS86" s="89">
        <v>3.0084393934100805E-2</v>
      </c>
    </row>
    <row r="87" spans="1:45">
      <c r="A87" s="44" t="s">
        <v>545</v>
      </c>
      <c r="B87" s="99">
        <v>134</v>
      </c>
      <c r="C87" s="100">
        <v>4.598391222665418</v>
      </c>
      <c r="D87" s="101">
        <v>0.28354698682035007</v>
      </c>
      <c r="E87" s="102">
        <v>0.2158466261361193</v>
      </c>
      <c r="F87" s="92">
        <v>7.0990871984635648E-2</v>
      </c>
      <c r="G87" s="102">
        <v>0.22167264409663026</v>
      </c>
      <c r="H87" s="92">
        <v>7.1618876235258602E-2</v>
      </c>
      <c r="I87" s="102">
        <v>0.55010544887749113</v>
      </c>
      <c r="J87" s="92">
        <v>8.4721688307488455E-2</v>
      </c>
      <c r="K87" s="91">
        <v>1.2375280889758398E-2</v>
      </c>
      <c r="L87" s="92">
        <v>2.7349899241458829E-2</v>
      </c>
      <c r="M87" s="99">
        <v>132</v>
      </c>
      <c r="N87" s="100">
        <v>4.831469558373092</v>
      </c>
      <c r="O87" s="101">
        <v>0.2563764333088499</v>
      </c>
      <c r="P87" s="102">
        <v>0.1633562425760908</v>
      </c>
      <c r="Q87" s="92">
        <v>6.4907028081848658E-2</v>
      </c>
      <c r="R87" s="102">
        <v>0.23785950718788448</v>
      </c>
      <c r="S87" s="92">
        <v>7.3817169153623005E-2</v>
      </c>
      <c r="T87" s="102">
        <v>0.5845262090733746</v>
      </c>
      <c r="U87" s="92">
        <v>8.4587131331779128E-2</v>
      </c>
      <c r="V87" s="91">
        <v>1.4258041162649364E-2</v>
      </c>
      <c r="W87" s="92">
        <v>2.8558390609821141E-2</v>
      </c>
      <c r="X87" s="99">
        <v>133</v>
      </c>
      <c r="Y87" s="100">
        <v>3.9947897373447678</v>
      </c>
      <c r="Z87" s="101">
        <v>0.2775017793428825</v>
      </c>
      <c r="AA87" s="102">
        <v>0.34236346058001954</v>
      </c>
      <c r="AB87" s="92">
        <v>8.1335673025917432E-2</v>
      </c>
      <c r="AC87" s="102">
        <v>0.23587817575503311</v>
      </c>
      <c r="AD87" s="92">
        <v>7.3346252080690205E-2</v>
      </c>
      <c r="AE87" s="102">
        <v>0.41577978394664661</v>
      </c>
      <c r="AF87" s="92">
        <v>8.4285767126794461E-2</v>
      </c>
      <c r="AG87" s="91">
        <v>5.9785797182996111E-3</v>
      </c>
      <c r="AH87" s="92">
        <v>2.4156604769243639E-2</v>
      </c>
      <c r="AI87" s="99">
        <v>132</v>
      </c>
      <c r="AJ87" s="100">
        <v>5.19423527240314</v>
      </c>
      <c r="AK87" s="101">
        <v>0.21353399522321931</v>
      </c>
      <c r="AL87" s="102">
        <v>9.6943505099292615E-2</v>
      </c>
      <c r="AM87" s="92">
        <v>5.3402213990768763E-2</v>
      </c>
      <c r="AN87" s="102">
        <v>0.18302428300523374</v>
      </c>
      <c r="AO87" s="92">
        <v>6.759518169845101E-2</v>
      </c>
      <c r="AP87" s="102">
        <v>0.72003221189547306</v>
      </c>
      <c r="AQ87" s="92">
        <v>7.7534022429436994E-2</v>
      </c>
      <c r="AR87" s="91">
        <v>0</v>
      </c>
      <c r="AS87" s="92">
        <v>2.0643770871594677E-2</v>
      </c>
    </row>
    <row r="90" spans="1:45" ht="18.75">
      <c r="A90" s="337" t="s">
        <v>227</v>
      </c>
      <c r="B90" s="337"/>
      <c r="C90" s="337"/>
      <c r="D90" s="337"/>
      <c r="E90" s="337"/>
      <c r="F90" s="337"/>
      <c r="G90" s="337"/>
      <c r="H90" s="337"/>
      <c r="I90" s="337"/>
      <c r="J90" s="337"/>
      <c r="K90" s="337"/>
      <c r="L90" s="337"/>
      <c r="M90" s="337"/>
      <c r="N90" s="337"/>
      <c r="O90" s="337"/>
      <c r="P90" s="337"/>
      <c r="Q90" s="337"/>
      <c r="R90" s="337"/>
      <c r="S90" s="337"/>
      <c r="T90" s="337"/>
      <c r="U90" s="337"/>
      <c r="V90" s="337"/>
      <c r="W90" s="337"/>
      <c r="X90" s="337"/>
      <c r="Y90" s="337"/>
      <c r="Z90" s="337"/>
      <c r="AA90" s="337"/>
      <c r="AB90" s="337"/>
      <c r="AC90" s="337"/>
      <c r="AD90" s="337"/>
      <c r="AE90" s="337"/>
      <c r="AF90" s="337"/>
      <c r="AG90" s="337"/>
      <c r="AH90" s="337"/>
    </row>
    <row r="91" spans="1:45" ht="66" customHeight="1">
      <c r="A91" s="372" t="s">
        <v>529</v>
      </c>
      <c r="B91" s="372"/>
      <c r="C91" s="372"/>
      <c r="D91" s="372"/>
      <c r="E91" s="372"/>
      <c r="F91" s="372"/>
      <c r="G91" s="372"/>
      <c r="H91" s="372"/>
      <c r="I91" s="372"/>
      <c r="J91" s="372"/>
      <c r="K91" s="372"/>
      <c r="L91" s="372"/>
      <c r="M91" s="372"/>
      <c r="N91" s="372"/>
      <c r="O91" s="372"/>
      <c r="P91" s="372"/>
      <c r="Q91" s="372"/>
      <c r="R91" s="372"/>
      <c r="S91" s="372"/>
      <c r="T91" s="372"/>
      <c r="U91" s="372"/>
      <c r="V91" s="372"/>
      <c r="W91" s="372"/>
      <c r="X91" s="372"/>
      <c r="Y91" s="372"/>
      <c r="Z91" s="372"/>
      <c r="AA91" s="372"/>
      <c r="AB91" s="372"/>
      <c r="AC91" s="372"/>
      <c r="AD91" s="372"/>
      <c r="AE91" s="372"/>
      <c r="AF91" s="372"/>
      <c r="AG91" s="372"/>
      <c r="AH91" s="372"/>
    </row>
    <row r="92" spans="1:45" ht="45.75" customHeight="1">
      <c r="A92" s="104"/>
      <c r="B92" s="360" t="s">
        <v>321</v>
      </c>
      <c r="C92" s="361"/>
      <c r="D92" s="361"/>
      <c r="E92" s="361"/>
      <c r="F92" s="361"/>
      <c r="G92" s="361"/>
      <c r="H92" s="361"/>
      <c r="I92" s="361"/>
      <c r="J92" s="361"/>
      <c r="K92" s="361"/>
      <c r="L92" s="362"/>
      <c r="M92" s="366" t="s">
        <v>228</v>
      </c>
      <c r="N92" s="367"/>
      <c r="O92" s="367"/>
      <c r="P92" s="367"/>
      <c r="Q92" s="367"/>
      <c r="R92" s="367"/>
      <c r="S92" s="367"/>
      <c r="T92" s="367"/>
      <c r="U92" s="367"/>
      <c r="V92" s="367"/>
      <c r="W92" s="368"/>
      <c r="X92" s="360" t="s">
        <v>368</v>
      </c>
      <c r="Y92" s="361"/>
      <c r="Z92" s="361"/>
      <c r="AA92" s="361"/>
      <c r="AB92" s="361"/>
      <c r="AC92" s="361"/>
      <c r="AD92" s="361"/>
      <c r="AE92" s="361"/>
      <c r="AF92" s="361"/>
      <c r="AG92" s="361"/>
      <c r="AH92" s="362"/>
    </row>
    <row r="93" spans="1:45" ht="66" customHeight="1">
      <c r="A93" s="32" t="s">
        <v>71</v>
      </c>
      <c r="B93" s="33" t="s">
        <v>72</v>
      </c>
      <c r="C93" s="33" t="s">
        <v>589</v>
      </c>
      <c r="D93" s="250" t="s">
        <v>73</v>
      </c>
      <c r="E93" s="33" t="s">
        <v>156</v>
      </c>
      <c r="F93" s="84" t="s">
        <v>85</v>
      </c>
      <c r="G93" s="33" t="s">
        <v>157</v>
      </c>
      <c r="H93" s="84" t="s">
        <v>86</v>
      </c>
      <c r="I93" s="33" t="s">
        <v>158</v>
      </c>
      <c r="J93" s="84" t="s">
        <v>87</v>
      </c>
      <c r="K93" s="33" t="s">
        <v>301</v>
      </c>
      <c r="L93" s="84" t="s">
        <v>300</v>
      </c>
      <c r="M93" s="60" t="s">
        <v>72</v>
      </c>
      <c r="N93" s="60" t="s">
        <v>589</v>
      </c>
      <c r="O93" s="252" t="s">
        <v>73</v>
      </c>
      <c r="P93" s="60" t="s">
        <v>346</v>
      </c>
      <c r="Q93" s="83" t="s">
        <v>347</v>
      </c>
      <c r="R93" s="60" t="s">
        <v>343</v>
      </c>
      <c r="S93" s="83" t="s">
        <v>345</v>
      </c>
      <c r="T93" s="60" t="s">
        <v>348</v>
      </c>
      <c r="U93" s="83" t="s">
        <v>349</v>
      </c>
      <c r="V93" s="60" t="s">
        <v>301</v>
      </c>
      <c r="W93" s="83" t="s">
        <v>315</v>
      </c>
      <c r="X93" s="33" t="s">
        <v>72</v>
      </c>
      <c r="Y93" s="33" t="s">
        <v>589</v>
      </c>
      <c r="Z93" s="250" t="s">
        <v>73</v>
      </c>
      <c r="AA93" s="33" t="s">
        <v>369</v>
      </c>
      <c r="AB93" s="84" t="s">
        <v>370</v>
      </c>
      <c r="AC93" s="33" t="s">
        <v>371</v>
      </c>
      <c r="AD93" s="84" t="s">
        <v>372</v>
      </c>
      <c r="AE93" s="33" t="s">
        <v>373</v>
      </c>
      <c r="AF93" s="84" t="s">
        <v>374</v>
      </c>
      <c r="AG93" s="33" t="s">
        <v>301</v>
      </c>
      <c r="AH93" s="84" t="s">
        <v>300</v>
      </c>
    </row>
    <row r="94" spans="1:45" ht="99.75" customHeight="1">
      <c r="A94" s="36"/>
      <c r="B94" s="37" t="s">
        <v>74</v>
      </c>
      <c r="C94" s="37" t="s">
        <v>302</v>
      </c>
      <c r="D94" s="251" t="s">
        <v>76</v>
      </c>
      <c r="E94" s="37" t="s">
        <v>159</v>
      </c>
      <c r="F94" s="86" t="s">
        <v>88</v>
      </c>
      <c r="G94" s="37" t="s">
        <v>160</v>
      </c>
      <c r="H94" s="86" t="s">
        <v>88</v>
      </c>
      <c r="I94" s="37" t="s">
        <v>161</v>
      </c>
      <c r="J94" s="86" t="s">
        <v>88</v>
      </c>
      <c r="K94" s="37" t="s">
        <v>301</v>
      </c>
      <c r="L94" s="86" t="s">
        <v>88</v>
      </c>
      <c r="M94" s="63" t="s">
        <v>74</v>
      </c>
      <c r="N94" s="63" t="s">
        <v>303</v>
      </c>
      <c r="O94" s="253" t="s">
        <v>76</v>
      </c>
      <c r="P94" s="63" t="s">
        <v>342</v>
      </c>
      <c r="Q94" s="85" t="s">
        <v>88</v>
      </c>
      <c r="R94" s="63" t="s">
        <v>344</v>
      </c>
      <c r="S94" s="85" t="s">
        <v>88</v>
      </c>
      <c r="T94" s="63" t="s">
        <v>159</v>
      </c>
      <c r="U94" s="85" t="s">
        <v>88</v>
      </c>
      <c r="V94" s="63" t="s">
        <v>301</v>
      </c>
      <c r="W94" s="85" t="s">
        <v>88</v>
      </c>
      <c r="X94" s="37" t="s">
        <v>74</v>
      </c>
      <c r="Y94" s="37" t="s">
        <v>302</v>
      </c>
      <c r="Z94" s="251" t="s">
        <v>76</v>
      </c>
      <c r="AA94" s="37" t="s">
        <v>375</v>
      </c>
      <c r="AB94" s="86" t="s">
        <v>376</v>
      </c>
      <c r="AC94" s="37" t="s">
        <v>377</v>
      </c>
      <c r="AD94" s="86" t="s">
        <v>88</v>
      </c>
      <c r="AE94" s="37" t="s">
        <v>378</v>
      </c>
      <c r="AF94" s="86" t="s">
        <v>88</v>
      </c>
      <c r="AG94" s="37" t="s">
        <v>301</v>
      </c>
      <c r="AH94" s="86" t="s">
        <v>88</v>
      </c>
    </row>
    <row r="95" spans="1:45">
      <c r="A95" s="40" t="s">
        <v>350</v>
      </c>
      <c r="B95" s="107">
        <v>13860</v>
      </c>
      <c r="C95" s="42">
        <v>3.4344054400133501</v>
      </c>
      <c r="D95" s="43">
        <v>3.4901934531529712E-2</v>
      </c>
      <c r="E95" s="108">
        <v>0.52652880844819483</v>
      </c>
      <c r="F95" s="89">
        <v>8.4809386825359465E-3</v>
      </c>
      <c r="G95" s="108">
        <v>0.127734730114479</v>
      </c>
      <c r="H95" s="89">
        <v>5.671791781730307E-3</v>
      </c>
      <c r="I95" s="108">
        <v>0.31602429494402545</v>
      </c>
      <c r="J95" s="89">
        <v>7.8974322931968897E-3</v>
      </c>
      <c r="K95" s="88">
        <v>2.9712166493315654E-2</v>
      </c>
      <c r="L95" s="89">
        <v>2.8904282332363417E-3</v>
      </c>
      <c r="M95" s="107">
        <v>13927</v>
      </c>
      <c r="N95" s="42">
        <v>3.5790312707883745</v>
      </c>
      <c r="O95" s="43">
        <v>3.2156238078187627E-2</v>
      </c>
      <c r="P95" s="108">
        <v>0.14401396537196057</v>
      </c>
      <c r="Q95" s="89">
        <v>5.9511737220716236E-3</v>
      </c>
      <c r="R95" s="108">
        <v>0.33613620538888489</v>
      </c>
      <c r="S95" s="89">
        <v>8.0048093042382421E-3</v>
      </c>
      <c r="T95" s="108">
        <v>0.44604555289978853</v>
      </c>
      <c r="U95" s="89">
        <v>8.4230029339856776E-3</v>
      </c>
      <c r="V95" s="88">
        <v>7.3804276339382899E-2</v>
      </c>
      <c r="W95" s="89">
        <v>4.4336566255393272E-3</v>
      </c>
      <c r="X95" s="107">
        <v>13919</v>
      </c>
      <c r="Y95" s="42">
        <v>2.0177609801573295</v>
      </c>
      <c r="Z95" s="43">
        <v>2.0367340202541478E-2</v>
      </c>
      <c r="AA95" s="108">
        <v>0.68393995197501301</v>
      </c>
      <c r="AB95" s="89">
        <v>7.8809195994037958E-3</v>
      </c>
      <c r="AC95" s="108">
        <v>0.13351294498901081</v>
      </c>
      <c r="AD95" s="89">
        <v>5.7670152588268639E-3</v>
      </c>
      <c r="AE95" s="108">
        <v>0.14884870366073591</v>
      </c>
      <c r="AF95" s="89">
        <v>6.0347721819283343E-3</v>
      </c>
      <c r="AG95" s="88">
        <v>3.3698399375253284E-2</v>
      </c>
      <c r="AH95" s="89">
        <v>3.0644744644798606E-3</v>
      </c>
    </row>
    <row r="96" spans="1:45">
      <c r="A96" s="44" t="s">
        <v>351</v>
      </c>
      <c r="B96" s="109">
        <v>10153</v>
      </c>
      <c r="C96" s="46">
        <v>3.177751594024719</v>
      </c>
      <c r="D96" s="47">
        <v>4.03678665594569E-2</v>
      </c>
      <c r="E96" s="110">
        <v>0.58848719488128598</v>
      </c>
      <c r="F96" s="92">
        <v>9.7659159841971162E-3</v>
      </c>
      <c r="G96" s="110">
        <v>0.11527214411866142</v>
      </c>
      <c r="H96" s="92">
        <v>6.3410670281532685E-3</v>
      </c>
      <c r="I96" s="110">
        <v>0.27010593416162559</v>
      </c>
      <c r="J96" s="92">
        <v>8.8123164628331127E-3</v>
      </c>
      <c r="K96" s="91">
        <v>2.6134726838419383E-2</v>
      </c>
      <c r="L96" s="92">
        <v>3.1769407662610837E-3</v>
      </c>
      <c r="M96" s="109">
        <v>10152</v>
      </c>
      <c r="N96" s="46">
        <v>3.7864873783669335</v>
      </c>
      <c r="O96" s="47">
        <v>3.8269137389477188E-2</v>
      </c>
      <c r="P96" s="110">
        <v>0.19346062009017703</v>
      </c>
      <c r="Q96" s="92">
        <v>7.8411667617184523E-3</v>
      </c>
      <c r="R96" s="110">
        <v>0.3273272481485836</v>
      </c>
      <c r="S96" s="92">
        <v>9.3128970879132536E-3</v>
      </c>
      <c r="T96" s="110">
        <v>0.40498913371523143</v>
      </c>
      <c r="U96" s="92">
        <v>9.7422482007348092E-3</v>
      </c>
      <c r="V96" s="91">
        <v>7.4222998046008404E-2</v>
      </c>
      <c r="W96" s="92">
        <v>5.2076502345800519E-3</v>
      </c>
      <c r="X96" s="109">
        <v>10246</v>
      </c>
      <c r="Y96" s="46">
        <v>1.8433284416922264</v>
      </c>
      <c r="Z96" s="47">
        <v>2.2634443350480385E-2</v>
      </c>
      <c r="AA96" s="110">
        <v>0.74628473448186683</v>
      </c>
      <c r="AB96" s="92">
        <v>8.5970196021115299E-3</v>
      </c>
      <c r="AC96" s="110">
        <v>0.1025123468959812</v>
      </c>
      <c r="AD96" s="92">
        <v>5.9959939751275289E-3</v>
      </c>
      <c r="AE96" s="110">
        <v>0.12194513242785499</v>
      </c>
      <c r="AF96" s="92">
        <v>6.4675112093465943E-3</v>
      </c>
      <c r="AG96" s="91">
        <v>2.9257786194288496E-2</v>
      </c>
      <c r="AH96" s="92">
        <v>3.3393260083266017E-3</v>
      </c>
    </row>
    <row r="97" spans="1:34">
      <c r="A97" s="40" t="s">
        <v>352</v>
      </c>
      <c r="B97" s="78">
        <v>3707</v>
      </c>
      <c r="C97" s="42">
        <v>3.6431446113090811</v>
      </c>
      <c r="D97" s="43">
        <v>6.6689194060784218E-2</v>
      </c>
      <c r="E97" s="93">
        <v>0.47647208735410329</v>
      </c>
      <c r="F97" s="89">
        <v>1.6397370494217311E-2</v>
      </c>
      <c r="G97" s="93">
        <v>0.13780336209825444</v>
      </c>
      <c r="H97" s="89">
        <v>1.1330095210914055E-2</v>
      </c>
      <c r="I97" s="93">
        <v>0.35312213933774822</v>
      </c>
      <c r="J97" s="89">
        <v>1.5692867841079195E-2</v>
      </c>
      <c r="K97" s="88">
        <v>3.2602411209894024E-2</v>
      </c>
      <c r="L97" s="89">
        <v>5.8739280815192666E-3</v>
      </c>
      <c r="M97" s="78">
        <v>3775</v>
      </c>
      <c r="N97" s="42">
        <v>3.4146449559148517</v>
      </c>
      <c r="O97" s="43">
        <v>5.5997310724006197E-2</v>
      </c>
      <c r="P97" s="93">
        <v>0.10480111529791597</v>
      </c>
      <c r="Q97" s="89">
        <v>9.9826946460275529E-3</v>
      </c>
      <c r="R97" s="93">
        <v>0.34312200294264111</v>
      </c>
      <c r="S97" s="89">
        <v>1.5447505329471686E-2</v>
      </c>
      <c r="T97" s="93">
        <v>0.47860466573027421</v>
      </c>
      <c r="U97" s="89">
        <v>1.625228489954917E-2</v>
      </c>
      <c r="V97" s="88">
        <v>7.3472216029168771E-2</v>
      </c>
      <c r="W97" s="89">
        <v>8.5124926347808164E-3</v>
      </c>
      <c r="X97" s="78">
        <v>3673</v>
      </c>
      <c r="Y97" s="42">
        <v>2.163001839596332</v>
      </c>
      <c r="Z97" s="43">
        <v>4.2903441087517251E-2</v>
      </c>
      <c r="AA97" s="93">
        <v>0.63246224877067336</v>
      </c>
      <c r="AB97" s="89">
        <v>1.5903294473592011E-2</v>
      </c>
      <c r="AC97" s="93">
        <v>0.15910994803595579</v>
      </c>
      <c r="AD97" s="89">
        <v>1.2075668547078908E-2</v>
      </c>
      <c r="AE97" s="93">
        <v>0.17106281684510571</v>
      </c>
      <c r="AF97" s="89">
        <v>1.2430305465520444E-2</v>
      </c>
      <c r="AG97" s="88">
        <v>3.7364986348263976E-2</v>
      </c>
      <c r="AH97" s="89">
        <v>6.295614559716012E-3</v>
      </c>
    </row>
    <row r="98" spans="1:34">
      <c r="A98" s="44" t="s">
        <v>534</v>
      </c>
      <c r="B98" s="109">
        <v>1877</v>
      </c>
      <c r="C98" s="46">
        <v>3.4700718736881875</v>
      </c>
      <c r="D98" s="47">
        <v>9.6329078785509767E-2</v>
      </c>
      <c r="E98" s="110">
        <v>0.52483183854694526</v>
      </c>
      <c r="F98" s="92">
        <v>2.3028817188677542E-2</v>
      </c>
      <c r="G98" s="110">
        <v>0.13655625808778935</v>
      </c>
      <c r="H98" s="92">
        <v>1.5872286754251969E-2</v>
      </c>
      <c r="I98" s="110">
        <v>0.3094985838637252</v>
      </c>
      <c r="J98" s="92">
        <v>2.1325725972723208E-2</v>
      </c>
      <c r="K98" s="91">
        <v>2.9113319501543417E-2</v>
      </c>
      <c r="L98" s="92">
        <v>7.8810643076259092E-3</v>
      </c>
      <c r="M98" s="109">
        <v>1889</v>
      </c>
      <c r="N98" s="46">
        <v>3.6551887305406598</v>
      </c>
      <c r="O98" s="47">
        <v>8.6687012250581313E-2</v>
      </c>
      <c r="P98" s="110">
        <v>0.15845175090649957</v>
      </c>
      <c r="Q98" s="92">
        <v>1.6816794664039642E-2</v>
      </c>
      <c r="R98" s="110">
        <v>0.32724134125658566</v>
      </c>
      <c r="S98" s="92">
        <v>2.1574595357036333E-2</v>
      </c>
      <c r="T98" s="110">
        <v>0.43649207188273081</v>
      </c>
      <c r="U98" s="92">
        <v>2.2798586159694795E-2</v>
      </c>
      <c r="V98" s="91">
        <v>7.7814835954186062E-2</v>
      </c>
      <c r="W98" s="92">
        <v>1.2378273838552065E-2</v>
      </c>
      <c r="X98" s="109">
        <v>1886</v>
      </c>
      <c r="Y98" s="46">
        <v>2.0253135093308288</v>
      </c>
      <c r="Z98" s="47">
        <v>5.7918602363260845E-2</v>
      </c>
      <c r="AA98" s="110">
        <v>0.68430591832113496</v>
      </c>
      <c r="AB98" s="92">
        <v>2.1389556817806986E-2</v>
      </c>
      <c r="AC98" s="110">
        <v>0.13137012412292351</v>
      </c>
      <c r="AD98" s="92">
        <v>1.5579568304147369E-2</v>
      </c>
      <c r="AE98" s="110">
        <v>0.1492451917006696</v>
      </c>
      <c r="AF98" s="92">
        <v>1.642628367338524E-2</v>
      </c>
      <c r="AG98" s="91">
        <v>3.5078765855275147E-2</v>
      </c>
      <c r="AH98" s="92">
        <v>8.5773426062723777E-3</v>
      </c>
    </row>
    <row r="99" spans="1:34">
      <c r="A99" s="40" t="s">
        <v>535</v>
      </c>
      <c r="B99" s="78">
        <v>1528</v>
      </c>
      <c r="C99" s="42">
        <v>3.4574562263379236</v>
      </c>
      <c r="D99" s="43">
        <v>0.10869738349407861</v>
      </c>
      <c r="E99" s="93">
        <v>0.53237625223012008</v>
      </c>
      <c r="F99" s="89">
        <v>2.5495468541631625E-2</v>
      </c>
      <c r="G99" s="93">
        <v>0.12508598484913336</v>
      </c>
      <c r="H99" s="89">
        <v>1.6960445498635946E-2</v>
      </c>
      <c r="I99" s="93">
        <v>0.31203415493444997</v>
      </c>
      <c r="J99" s="89">
        <v>2.3684892737367919E-2</v>
      </c>
      <c r="K99" s="88">
        <v>3.0503607986295853E-2</v>
      </c>
      <c r="L99" s="89">
        <v>8.956332898801855E-3</v>
      </c>
      <c r="M99" s="78">
        <v>1533</v>
      </c>
      <c r="N99" s="42">
        <v>3.7389999430174328</v>
      </c>
      <c r="O99" s="43">
        <v>9.6987791878365245E-2</v>
      </c>
      <c r="P99" s="93">
        <v>0.17776673626591952</v>
      </c>
      <c r="Q99" s="89">
        <v>1.9539624732512705E-2</v>
      </c>
      <c r="R99" s="93">
        <v>0.32857629229121071</v>
      </c>
      <c r="S99" s="89">
        <v>2.3969546193963583E-2</v>
      </c>
      <c r="T99" s="93">
        <v>0.41622612997192959</v>
      </c>
      <c r="U99" s="89">
        <v>2.514853311295746E-2</v>
      </c>
      <c r="V99" s="88">
        <v>7.7430841470939829E-2</v>
      </c>
      <c r="W99" s="89">
        <v>1.3723121001586309E-2</v>
      </c>
      <c r="X99" s="78">
        <v>1544</v>
      </c>
      <c r="Y99" s="42">
        <v>1.9921795282238972</v>
      </c>
      <c r="Z99" s="43">
        <v>6.3489193280872366E-2</v>
      </c>
      <c r="AA99" s="93">
        <v>0.69611888978328706</v>
      </c>
      <c r="AB99" s="89">
        <v>2.3390621670301117E-2</v>
      </c>
      <c r="AC99" s="93">
        <v>0.12386101669769239</v>
      </c>
      <c r="AD99" s="89">
        <v>1.680175379490801E-2</v>
      </c>
      <c r="AE99" s="93">
        <v>0.14794331764587348</v>
      </c>
      <c r="AF99" s="89">
        <v>1.8093626858681541E-2</v>
      </c>
      <c r="AG99" s="88">
        <v>3.2076775873146543E-2</v>
      </c>
      <c r="AH99" s="89">
        <v>9.1185034948800345E-3</v>
      </c>
    </row>
    <row r="100" spans="1:34">
      <c r="A100" s="44" t="s">
        <v>546</v>
      </c>
      <c r="B100" s="109">
        <v>353</v>
      </c>
      <c r="C100" s="46">
        <v>3.4969668707097723</v>
      </c>
      <c r="D100" s="47">
        <v>0.20364528833570017</v>
      </c>
      <c r="E100" s="110">
        <v>0.50312384023356072</v>
      </c>
      <c r="F100" s="92">
        <v>5.292460247397323E-2</v>
      </c>
      <c r="G100" s="110">
        <v>0.17378516318371243</v>
      </c>
      <c r="H100" s="92">
        <v>4.0439489764790108E-2</v>
      </c>
      <c r="I100" s="110">
        <v>0.29836988486910215</v>
      </c>
      <c r="J100" s="92">
        <v>4.8536130829108216E-2</v>
      </c>
      <c r="K100" s="91">
        <v>2.4721111713623515E-2</v>
      </c>
      <c r="L100" s="92">
        <v>1.8070382562753465E-2</v>
      </c>
      <c r="M100" s="109">
        <v>360</v>
      </c>
      <c r="N100" s="46">
        <v>3.3838527994413385</v>
      </c>
      <c r="O100" s="47">
        <v>0.18591097781335084</v>
      </c>
      <c r="P100" s="110">
        <v>9.7839570641021278E-2</v>
      </c>
      <c r="Q100" s="92">
        <v>3.1761824848841977E-2</v>
      </c>
      <c r="R100" s="110">
        <v>0.32246337013838527</v>
      </c>
      <c r="S100" s="92">
        <v>4.9076042108434623E-2</v>
      </c>
      <c r="T100" s="110">
        <v>0.50148573072663039</v>
      </c>
      <c r="U100" s="92">
        <v>5.2414015495379544E-2</v>
      </c>
      <c r="V100" s="91">
        <v>7.8211328493961729E-2</v>
      </c>
      <c r="W100" s="92">
        <v>2.8895957360160311E-2</v>
      </c>
      <c r="X100" s="109">
        <v>346</v>
      </c>
      <c r="Y100" s="46">
        <v>2.130426585605059</v>
      </c>
      <c r="Z100" s="47">
        <v>0.13771732441134732</v>
      </c>
      <c r="AA100" s="110">
        <v>0.64922843803678776</v>
      </c>
      <c r="AB100" s="92">
        <v>5.1072718271800384E-2</v>
      </c>
      <c r="AC100" s="110">
        <v>0.15422157102619638</v>
      </c>
      <c r="AD100" s="92">
        <v>3.9009819118010727E-2</v>
      </c>
      <c r="AE100" s="110">
        <v>0.15188106549590821</v>
      </c>
      <c r="AF100" s="92">
        <v>3.8776629602400824E-2</v>
      </c>
      <c r="AG100" s="91">
        <v>4.4668925441106684E-2</v>
      </c>
      <c r="AH100" s="92">
        <v>2.3271177030175737E-2</v>
      </c>
    </row>
    <row r="101" spans="1:34">
      <c r="A101" s="40" t="s">
        <v>536</v>
      </c>
      <c r="B101" s="78">
        <v>296</v>
      </c>
      <c r="C101" s="42">
        <v>3.5022014744441083</v>
      </c>
      <c r="D101" s="43">
        <v>0.23896357850486089</v>
      </c>
      <c r="E101" s="93">
        <v>0.5409758897134429</v>
      </c>
      <c r="F101" s="89">
        <v>5.7545976045839685E-2</v>
      </c>
      <c r="G101" s="93">
        <v>0.11130568546287485</v>
      </c>
      <c r="H101" s="89">
        <v>3.7043894288187371E-2</v>
      </c>
      <c r="I101" s="93">
        <v>0.32789658440519437</v>
      </c>
      <c r="J101" s="89">
        <v>5.4303468797007599E-2</v>
      </c>
      <c r="K101" s="88">
        <v>1.9821840418484844E-2</v>
      </c>
      <c r="L101" s="89">
        <v>1.8452283103931731E-2</v>
      </c>
      <c r="M101" s="78">
        <v>296</v>
      </c>
      <c r="N101" s="42">
        <v>4.1961142882471867</v>
      </c>
      <c r="O101" s="43">
        <v>0.20874897385206873</v>
      </c>
      <c r="P101" s="93">
        <v>0.23361011765600814</v>
      </c>
      <c r="Q101" s="89">
        <v>4.9114312467976665E-2</v>
      </c>
      <c r="R101" s="93">
        <v>0.3954782668436676</v>
      </c>
      <c r="S101" s="89">
        <v>5.6493609422425116E-2</v>
      </c>
      <c r="T101" s="93">
        <v>0.29756389297302716</v>
      </c>
      <c r="U101" s="89">
        <v>5.292827187002995E-2</v>
      </c>
      <c r="V101" s="88">
        <v>7.3347722527295184E-2</v>
      </c>
      <c r="W101" s="89">
        <v>3.1153312064339359E-2</v>
      </c>
      <c r="X101" s="78">
        <v>297</v>
      </c>
      <c r="Y101" s="42">
        <v>1.8582393561006083</v>
      </c>
      <c r="Z101" s="43">
        <v>0.13809652575725259</v>
      </c>
      <c r="AA101" s="93">
        <v>0.70643486306817538</v>
      </c>
      <c r="AB101" s="89">
        <v>5.2639279633046689E-2</v>
      </c>
      <c r="AC101" s="93">
        <v>0.10701668866118523</v>
      </c>
      <c r="AD101" s="89">
        <v>3.6388719374089808E-2</v>
      </c>
      <c r="AE101" s="93">
        <v>0.13564527070001661</v>
      </c>
      <c r="AF101" s="89">
        <v>4.005818730112011E-2</v>
      </c>
      <c r="AG101" s="88">
        <v>5.0903177570619809E-2</v>
      </c>
      <c r="AH101" s="89">
        <v>2.6697991893466992E-2</v>
      </c>
    </row>
    <row r="102" spans="1:34">
      <c r="A102" s="44" t="s">
        <v>537</v>
      </c>
      <c r="B102" s="109">
        <v>88</v>
      </c>
      <c r="C102" s="46">
        <v>3.633275815445292</v>
      </c>
      <c r="D102" s="47">
        <v>0.4145667079109413</v>
      </c>
      <c r="E102" s="110">
        <v>0.47984237461846824</v>
      </c>
      <c r="F102" s="92">
        <v>0.10417965984006186</v>
      </c>
      <c r="G102" s="110">
        <v>0.11684388310082362</v>
      </c>
      <c r="H102" s="92">
        <v>7.091937711562582E-2</v>
      </c>
      <c r="I102" s="110">
        <v>0.34793938880924452</v>
      </c>
      <c r="J102" s="92">
        <v>9.9748489553587213E-2</v>
      </c>
      <c r="K102" s="91">
        <v>5.5374353471463585E-2</v>
      </c>
      <c r="L102" s="92">
        <v>5.4821818621228424E-2</v>
      </c>
      <c r="M102" s="109">
        <v>87</v>
      </c>
      <c r="N102" s="46">
        <v>4.9872971478444601</v>
      </c>
      <c r="O102" s="47">
        <v>0.33420027823230325</v>
      </c>
      <c r="P102" s="110">
        <v>0.36277368139429605</v>
      </c>
      <c r="Q102" s="92">
        <v>0.10115552846719363</v>
      </c>
      <c r="R102" s="110">
        <v>0.53689859316481625</v>
      </c>
      <c r="S102" s="92">
        <v>0.10456725183599781</v>
      </c>
      <c r="T102" s="110">
        <v>9.663417316916291E-2</v>
      </c>
      <c r="U102" s="92">
        <v>6.6724064018650789E-2</v>
      </c>
      <c r="V102" s="91">
        <v>3.6935522717247132E-3</v>
      </c>
      <c r="W102" s="92">
        <v>3.3055730485715702E-2</v>
      </c>
      <c r="X102" s="109">
        <v>88</v>
      </c>
      <c r="Y102" s="46">
        <v>1.9513487556648232</v>
      </c>
      <c r="Z102" s="47">
        <v>0.25745084580791727</v>
      </c>
      <c r="AA102" s="110">
        <v>0.64418503814714123</v>
      </c>
      <c r="AB102" s="92">
        <v>0.10021263109093893</v>
      </c>
      <c r="AC102" s="110">
        <v>0.13683799686210082</v>
      </c>
      <c r="AD102" s="92">
        <v>7.4987665617793298E-2</v>
      </c>
      <c r="AE102" s="110">
        <v>0.14455585071135732</v>
      </c>
      <c r="AF102" s="92">
        <v>7.6444569838436477E-2</v>
      </c>
      <c r="AG102" s="91">
        <v>7.4421114279400666E-2</v>
      </c>
      <c r="AH102" s="92">
        <v>6.0537294720723056E-2</v>
      </c>
    </row>
    <row r="103" spans="1:34">
      <c r="A103" s="40" t="s">
        <v>538</v>
      </c>
      <c r="B103" s="78">
        <v>89</v>
      </c>
      <c r="C103" s="42">
        <v>3.6812562398283006</v>
      </c>
      <c r="D103" s="43">
        <v>0.45825031354427564</v>
      </c>
      <c r="E103" s="93">
        <v>0.51165455208973076</v>
      </c>
      <c r="F103" s="89">
        <v>0.10366936780124825</v>
      </c>
      <c r="G103" s="93">
        <v>0.13346128445125716</v>
      </c>
      <c r="H103" s="89">
        <v>7.3895559799615401E-2</v>
      </c>
      <c r="I103" s="93">
        <v>0.35290974578431372</v>
      </c>
      <c r="J103" s="89">
        <v>9.9501025002561735E-2</v>
      </c>
      <c r="K103" s="88">
        <v>1.974417674698433E-3</v>
      </c>
      <c r="L103" s="89">
        <v>3.1347893725484528E-2</v>
      </c>
      <c r="M103" s="78">
        <v>90</v>
      </c>
      <c r="N103" s="42">
        <v>4.5157648276597504</v>
      </c>
      <c r="O103" s="43">
        <v>0.36350870569207017</v>
      </c>
      <c r="P103" s="93">
        <v>0.24454953637394655</v>
      </c>
      <c r="Q103" s="89">
        <v>8.9959922646378462E-2</v>
      </c>
      <c r="R103" s="93">
        <v>0.39403961140100796</v>
      </c>
      <c r="S103" s="89">
        <v>0.10099665175729239</v>
      </c>
      <c r="T103" s="93">
        <v>0.2089536550549882</v>
      </c>
      <c r="U103" s="89">
        <v>8.5638484945981613E-2</v>
      </c>
      <c r="V103" s="88">
        <v>0.1524571971700574</v>
      </c>
      <c r="W103" s="89">
        <v>7.6984370781227454E-2</v>
      </c>
      <c r="X103" s="78">
        <v>90</v>
      </c>
      <c r="Y103" s="42">
        <v>1.8040778731970009</v>
      </c>
      <c r="Z103" s="43">
        <v>0.25201049123256719</v>
      </c>
      <c r="AA103" s="93">
        <v>0.7450221690430523</v>
      </c>
      <c r="AB103" s="89">
        <v>9.1084450051328508E-2</v>
      </c>
      <c r="AC103" s="93">
        <v>7.5873704138128675E-2</v>
      </c>
      <c r="AD103" s="89">
        <v>6.0177170597080006E-2</v>
      </c>
      <c r="AE103" s="93">
        <v>0.14032073342680917</v>
      </c>
      <c r="AF103" s="89">
        <v>7.4778171061587587E-2</v>
      </c>
      <c r="AG103" s="88">
        <v>3.878339339200982E-2</v>
      </c>
      <c r="AH103" s="89">
        <v>4.8377041708116145E-2</v>
      </c>
    </row>
    <row r="104" spans="1:34">
      <c r="A104" s="44" t="s">
        <v>539</v>
      </c>
      <c r="B104" s="109">
        <v>100</v>
      </c>
      <c r="C104" s="46">
        <v>3.1473922857568657</v>
      </c>
      <c r="D104" s="47">
        <v>0.395958969029165</v>
      </c>
      <c r="E104" s="110">
        <v>0.62397201616826481</v>
      </c>
      <c r="F104" s="92">
        <v>9.5230578346159889E-2</v>
      </c>
      <c r="G104" s="110">
        <v>9.5620490402624547E-2</v>
      </c>
      <c r="H104" s="92">
        <v>6.1648504438148538E-2</v>
      </c>
      <c r="I104" s="110">
        <v>0.26692773636756484</v>
      </c>
      <c r="J104" s="92">
        <v>8.7656591447516349E-2</v>
      </c>
      <c r="K104" s="91">
        <v>1.3479757061546603E-2</v>
      </c>
      <c r="L104" s="92">
        <v>3.4616439215479106E-2</v>
      </c>
      <c r="M104" s="109">
        <v>100</v>
      </c>
      <c r="N104" s="46">
        <v>3.4005943233364517</v>
      </c>
      <c r="O104" s="47">
        <v>0.32514327800947967</v>
      </c>
      <c r="P104" s="110">
        <v>0.11295921619223752</v>
      </c>
      <c r="Q104" s="92">
        <v>6.5486626302457565E-2</v>
      </c>
      <c r="R104" s="110">
        <v>0.34110599743752457</v>
      </c>
      <c r="S104" s="92">
        <v>9.3368057496687806E-2</v>
      </c>
      <c r="T104" s="110">
        <v>0.4816712876312742</v>
      </c>
      <c r="U104" s="92">
        <v>9.7997135557968587E-2</v>
      </c>
      <c r="V104" s="91">
        <v>6.4263498738964309E-2</v>
      </c>
      <c r="W104" s="92">
        <v>5.3514172835257799E-2</v>
      </c>
      <c r="X104" s="109">
        <v>100</v>
      </c>
      <c r="Y104" s="46">
        <v>1.8331835517005948</v>
      </c>
      <c r="Z104" s="47">
        <v>0.22972042599760892</v>
      </c>
      <c r="AA104" s="110">
        <v>0.71915528326677391</v>
      </c>
      <c r="AB104" s="92">
        <v>8.8924006956232982E-2</v>
      </c>
      <c r="AC104" s="110">
        <v>0.12348452026879335</v>
      </c>
      <c r="AD104" s="92">
        <v>6.7633429230049266E-2</v>
      </c>
      <c r="AE104" s="110">
        <v>0.11954151361579925</v>
      </c>
      <c r="AF104" s="92">
        <v>6.6844172175296937E-2</v>
      </c>
      <c r="AG104" s="91">
        <v>3.781868284863401E-2</v>
      </c>
      <c r="AH104" s="92">
        <v>4.493760454336878E-2</v>
      </c>
    </row>
    <row r="105" spans="1:34">
      <c r="A105" s="40" t="s">
        <v>540</v>
      </c>
      <c r="B105" s="107">
        <v>113</v>
      </c>
      <c r="C105" s="42">
        <v>3.1950052654502255</v>
      </c>
      <c r="D105" s="43">
        <v>0.38755298795118087</v>
      </c>
      <c r="E105" s="108">
        <v>0.5807564538204224</v>
      </c>
      <c r="F105" s="89">
        <v>9.1318302014315469E-2</v>
      </c>
      <c r="G105" s="108">
        <v>0.14075811370788738</v>
      </c>
      <c r="H105" s="89">
        <v>6.6568820606919946E-2</v>
      </c>
      <c r="I105" s="108">
        <v>0.24253359111475947</v>
      </c>
      <c r="J105" s="89">
        <v>8.0206175823352543E-2</v>
      </c>
      <c r="K105" s="88">
        <v>3.5951841356930858E-2</v>
      </c>
      <c r="L105" s="89">
        <v>4.0984367073466595E-2</v>
      </c>
      <c r="M105" s="107">
        <v>113</v>
      </c>
      <c r="N105" s="42">
        <v>4.1712578696474658</v>
      </c>
      <c r="O105" s="43">
        <v>0.3296175861928583</v>
      </c>
      <c r="P105" s="108">
        <v>0.23559100671503588</v>
      </c>
      <c r="Q105" s="89">
        <v>7.9482618661953636E-2</v>
      </c>
      <c r="R105" s="108">
        <v>0.36495815250413693</v>
      </c>
      <c r="S105" s="89">
        <v>8.9249350300768804E-2</v>
      </c>
      <c r="T105" s="108">
        <v>0.3642291275375753</v>
      </c>
      <c r="U105" s="89">
        <v>8.9214070872405501E-2</v>
      </c>
      <c r="V105" s="88">
        <v>3.5221713243251948E-2</v>
      </c>
      <c r="W105" s="89">
        <v>4.0719669828302586E-2</v>
      </c>
      <c r="X105" s="107">
        <v>115</v>
      </c>
      <c r="Y105" s="42">
        <v>1.8841504836475536</v>
      </c>
      <c r="Z105" s="43">
        <v>0.20483224843759343</v>
      </c>
      <c r="AA105" s="108">
        <v>0.76846271550868306</v>
      </c>
      <c r="AB105" s="89">
        <v>7.8363842307824907E-2</v>
      </c>
      <c r="AC105" s="108">
        <v>8.746003849699216E-2</v>
      </c>
      <c r="AD105" s="89">
        <v>5.5324795489485462E-2</v>
      </c>
      <c r="AE105" s="108">
        <v>0.11704132082742708</v>
      </c>
      <c r="AF105" s="89">
        <v>6.1640395156519374E-2</v>
      </c>
      <c r="AG105" s="88">
        <v>2.7035925166897602E-2</v>
      </c>
      <c r="AH105" s="89">
        <v>3.716443562701538E-2</v>
      </c>
    </row>
    <row r="106" spans="1:34">
      <c r="A106" s="44" t="s">
        <v>541</v>
      </c>
      <c r="B106" s="109">
        <v>111</v>
      </c>
      <c r="C106" s="46">
        <v>3.5767439088977921</v>
      </c>
      <c r="D106" s="47">
        <v>0.42093218816006073</v>
      </c>
      <c r="E106" s="110">
        <v>0.47260761252890077</v>
      </c>
      <c r="F106" s="92">
        <v>9.3120015517656723E-2</v>
      </c>
      <c r="G106" s="110">
        <v>0.16592553007437197</v>
      </c>
      <c r="H106" s="92">
        <v>7.1267555380394892E-2</v>
      </c>
      <c r="I106" s="110">
        <v>0.33745732795516115</v>
      </c>
      <c r="J106" s="92">
        <v>8.8540992681924183E-2</v>
      </c>
      <c r="K106" s="91">
        <v>2.4009529441566167E-2</v>
      </c>
      <c r="L106" s="92">
        <v>3.6793261247517479E-2</v>
      </c>
      <c r="M106" s="109">
        <v>114</v>
      </c>
      <c r="N106" s="46">
        <v>4.7286931108401431</v>
      </c>
      <c r="O106" s="47">
        <v>0.30601564086180127</v>
      </c>
      <c r="P106" s="110">
        <v>0.33526074865120675</v>
      </c>
      <c r="Q106" s="92">
        <v>8.7269255535763632E-2</v>
      </c>
      <c r="R106" s="110">
        <v>0.3841124750216367</v>
      </c>
      <c r="S106" s="92">
        <v>8.9719931887228169E-2</v>
      </c>
      <c r="T106" s="110">
        <v>0.25396409462621938</v>
      </c>
      <c r="U106" s="92">
        <v>8.0989798841511182E-2</v>
      </c>
      <c r="V106" s="91">
        <v>2.666268170093735E-2</v>
      </c>
      <c r="W106" s="92">
        <v>3.7227673331741373E-2</v>
      </c>
      <c r="X106" s="109">
        <v>114</v>
      </c>
      <c r="Y106" s="46">
        <v>1.9703675910999017</v>
      </c>
      <c r="Z106" s="47">
        <v>0.24253636839769446</v>
      </c>
      <c r="AA106" s="110">
        <v>0.69840461061304493</v>
      </c>
      <c r="AB106" s="92">
        <v>8.5024253614794432E-2</v>
      </c>
      <c r="AC106" s="110">
        <v>0.11992927670875066</v>
      </c>
      <c r="AD106" s="92">
        <v>6.2483551487660174E-2</v>
      </c>
      <c r="AE106" s="110">
        <v>0.14798839788177254</v>
      </c>
      <c r="AF106" s="92">
        <v>6.7484152580750273E-2</v>
      </c>
      <c r="AG106" s="91">
        <v>3.36777147964318E-2</v>
      </c>
      <c r="AH106" s="92">
        <v>3.9930643231327327E-2</v>
      </c>
    </row>
    <row r="107" spans="1:34">
      <c r="A107" s="40" t="s">
        <v>542</v>
      </c>
      <c r="B107" s="78">
        <v>170</v>
      </c>
      <c r="C107" s="42">
        <v>3.9006508037790848</v>
      </c>
      <c r="D107" s="43">
        <v>0.33667767841260671</v>
      </c>
      <c r="E107" s="93">
        <v>0.43124951183864613</v>
      </c>
      <c r="F107" s="89">
        <v>7.5122610703642206E-2</v>
      </c>
      <c r="G107" s="93">
        <v>0.14927110783380099</v>
      </c>
      <c r="H107" s="89">
        <v>5.5207009272480193E-2</v>
      </c>
      <c r="I107" s="93">
        <v>0.38252469910236564</v>
      </c>
      <c r="J107" s="89">
        <v>7.3785455349143089E-2</v>
      </c>
      <c r="K107" s="93">
        <v>3.6954681225186914E-2</v>
      </c>
      <c r="L107" s="89">
        <v>3.2282409787241992E-2</v>
      </c>
      <c r="M107" s="78">
        <v>173</v>
      </c>
      <c r="N107" s="42">
        <v>4.6774844698730673</v>
      </c>
      <c r="O107" s="43">
        <v>0.26840181123945456</v>
      </c>
      <c r="P107" s="93">
        <v>0.33145297632506265</v>
      </c>
      <c r="Q107" s="89">
        <v>7.096770562189976E-2</v>
      </c>
      <c r="R107" s="93">
        <v>0.37297384877575374</v>
      </c>
      <c r="S107" s="89">
        <v>7.2810474643989889E-2</v>
      </c>
      <c r="T107" s="93">
        <v>0.26190177155624489</v>
      </c>
      <c r="U107" s="89">
        <v>6.6526843595741014E-2</v>
      </c>
      <c r="V107" s="93">
        <v>3.3671403342938555E-2</v>
      </c>
      <c r="W107" s="89">
        <v>3.0901844680265043E-2</v>
      </c>
      <c r="X107" s="78">
        <v>173</v>
      </c>
      <c r="Y107" s="42">
        <v>2.2251437017886651</v>
      </c>
      <c r="Z107" s="43">
        <v>0.20659067111014465</v>
      </c>
      <c r="AA107" s="93">
        <v>0.63074016943044031</v>
      </c>
      <c r="AB107" s="89">
        <v>7.2668404554894081E-2</v>
      </c>
      <c r="AC107" s="93">
        <v>0.13421283998188963</v>
      </c>
      <c r="AD107" s="89">
        <v>5.2546216268038175E-2</v>
      </c>
      <c r="AE107" s="93">
        <v>0.19369335957300998</v>
      </c>
      <c r="AF107" s="89">
        <v>6.0200971748943337E-2</v>
      </c>
      <c r="AG107" s="93">
        <v>4.1353631014660178E-2</v>
      </c>
      <c r="AH107" s="89">
        <v>3.3291628823400407E-2</v>
      </c>
    </row>
    <row r="108" spans="1:34">
      <c r="A108" s="44" t="s">
        <v>547</v>
      </c>
      <c r="B108" s="109">
        <v>71</v>
      </c>
      <c r="C108" s="46">
        <v>3.4853523768549253</v>
      </c>
      <c r="D108" s="47">
        <v>0.50180229323576131</v>
      </c>
      <c r="E108" s="110">
        <v>0.52977897047093048</v>
      </c>
      <c r="F108" s="92">
        <v>0.1152863752859437</v>
      </c>
      <c r="G108" s="110">
        <v>0.10576194078113689</v>
      </c>
      <c r="H108" s="92">
        <v>7.6841926443218495E-2</v>
      </c>
      <c r="I108" s="110">
        <v>0.32380877101158967</v>
      </c>
      <c r="J108" s="92">
        <v>0.10885577989832415</v>
      </c>
      <c r="K108" s="91">
        <v>4.0650317736343151E-2</v>
      </c>
      <c r="L108" s="92">
        <v>5.699337013903702E-2</v>
      </c>
      <c r="M108" s="109">
        <v>72</v>
      </c>
      <c r="N108" s="46">
        <v>4.8512927698625932</v>
      </c>
      <c r="O108" s="47">
        <v>0.4030986569443582</v>
      </c>
      <c r="P108" s="110">
        <v>0.3397203067620248</v>
      </c>
      <c r="Q108" s="92">
        <v>0.10929039635818841</v>
      </c>
      <c r="R108" s="110">
        <v>0.36233466124580344</v>
      </c>
      <c r="S108" s="92">
        <v>0.11073692798560303</v>
      </c>
      <c r="T108" s="110">
        <v>0.22607574607048744</v>
      </c>
      <c r="U108" s="92">
        <v>9.8048328419415909E-2</v>
      </c>
      <c r="V108" s="91">
        <v>7.1869285921684498E-2</v>
      </c>
      <c r="W108" s="92">
        <v>6.7078372428356792E-2</v>
      </c>
      <c r="X108" s="109">
        <v>72</v>
      </c>
      <c r="Y108" s="46">
        <v>2.0943814836119863</v>
      </c>
      <c r="Z108" s="47">
        <v>0.34034699927281153</v>
      </c>
      <c r="AA108" s="110">
        <v>0.68941653947942838</v>
      </c>
      <c r="AB108" s="92">
        <v>0.10706581478381223</v>
      </c>
      <c r="AC108" s="110">
        <v>8.1869809646473168E-2</v>
      </c>
      <c r="AD108" s="92">
        <v>6.9994849776624651E-2</v>
      </c>
      <c r="AE108" s="110">
        <v>0.19021964169840225</v>
      </c>
      <c r="AF108" s="92">
        <v>9.286996051517539E-2</v>
      </c>
      <c r="AG108" s="91">
        <v>3.8494009175696155E-2</v>
      </c>
      <c r="AH108" s="92">
        <v>5.5650220056425746E-2</v>
      </c>
    </row>
    <row r="109" spans="1:34">
      <c r="A109" s="52" t="s">
        <v>548</v>
      </c>
      <c r="B109" s="107">
        <v>123</v>
      </c>
      <c r="C109" s="42">
        <v>3.4988432162104144</v>
      </c>
      <c r="D109" s="43">
        <v>0.35085147107647252</v>
      </c>
      <c r="E109" s="108">
        <v>0.49950696346972134</v>
      </c>
      <c r="F109" s="89">
        <v>8.873561047571063E-2</v>
      </c>
      <c r="G109" s="108">
        <v>0.1472447298706297</v>
      </c>
      <c r="H109" s="89">
        <v>6.4790099424359884E-2</v>
      </c>
      <c r="I109" s="108">
        <v>0.31199259874844409</v>
      </c>
      <c r="J109" s="89">
        <v>8.2642331910414674E-2</v>
      </c>
      <c r="K109" s="88">
        <v>4.1255707911204496E-2</v>
      </c>
      <c r="L109" s="89">
        <v>4.0703023840092847E-2</v>
      </c>
      <c r="M109" s="107">
        <v>123</v>
      </c>
      <c r="N109" s="42">
        <v>3.0515246283236261</v>
      </c>
      <c r="O109" s="43">
        <v>0.30384982881099093</v>
      </c>
      <c r="P109" s="108">
        <v>8.6139075550392047E-2</v>
      </c>
      <c r="Q109" s="89">
        <v>5.304538840022046E-2</v>
      </c>
      <c r="R109" s="108">
        <v>0.23799248492972075</v>
      </c>
      <c r="S109" s="89">
        <v>7.6458674487072484E-2</v>
      </c>
      <c r="T109" s="108">
        <v>0.58758996607547798</v>
      </c>
      <c r="U109" s="89">
        <v>8.7449182170550796E-2</v>
      </c>
      <c r="V109" s="88">
        <v>8.827847344440895E-2</v>
      </c>
      <c r="W109" s="89">
        <v>5.3534979880243104E-2</v>
      </c>
      <c r="X109" s="107">
        <v>124</v>
      </c>
      <c r="Y109" s="42">
        <v>2.1348586664294418</v>
      </c>
      <c r="Z109" s="43">
        <v>0.2315398358927519</v>
      </c>
      <c r="AA109" s="108">
        <v>0.62853215987351208</v>
      </c>
      <c r="AB109" s="89">
        <v>8.5603716847483871E-2</v>
      </c>
      <c r="AC109" s="108">
        <v>0.19995703984116184</v>
      </c>
      <c r="AD109" s="89">
        <v>7.1918555798741957E-2</v>
      </c>
      <c r="AE109" s="108">
        <v>0.16103509284818629</v>
      </c>
      <c r="AF109" s="89">
        <v>6.6654815779724499E-2</v>
      </c>
      <c r="AG109" s="88">
        <v>1.0475707437139391E-2</v>
      </c>
      <c r="AH109" s="89">
        <v>2.8011758939072918E-2</v>
      </c>
    </row>
    <row r="110" spans="1:34">
      <c r="A110" s="44" t="s">
        <v>549</v>
      </c>
      <c r="B110" s="109">
        <v>99</v>
      </c>
      <c r="C110" s="46">
        <v>3.5614455452022913</v>
      </c>
      <c r="D110" s="47">
        <v>0.42032127289942223</v>
      </c>
      <c r="E110" s="110">
        <v>0.53612170933215042</v>
      </c>
      <c r="F110" s="92">
        <v>9.8295096872513935E-2</v>
      </c>
      <c r="G110" s="110">
        <v>0.14213257314657665</v>
      </c>
      <c r="H110" s="92">
        <v>7.1512065962542948E-2</v>
      </c>
      <c r="I110" s="110">
        <v>0.32174571752127379</v>
      </c>
      <c r="J110" s="92">
        <v>9.2567565264975574E-2</v>
      </c>
      <c r="K110" s="91">
        <v>0</v>
      </c>
      <c r="L110" s="92">
        <v>2.7192544212657866E-2</v>
      </c>
      <c r="M110" s="109">
        <v>99</v>
      </c>
      <c r="N110" s="46">
        <v>3.6999908498740317</v>
      </c>
      <c r="O110" s="47">
        <v>0.3633082766501568</v>
      </c>
      <c r="P110" s="110">
        <v>0.15423039669268601</v>
      </c>
      <c r="Q110" s="92">
        <v>7.3616435126360513E-2</v>
      </c>
      <c r="R110" s="110">
        <v>0.35115745810629856</v>
      </c>
      <c r="S110" s="92">
        <v>9.4413507530764315E-2</v>
      </c>
      <c r="T110" s="110">
        <v>0.42738753454496708</v>
      </c>
      <c r="U110" s="92">
        <v>9.7568297816930855E-2</v>
      </c>
      <c r="V110" s="91">
        <v>6.722461065604915E-2</v>
      </c>
      <c r="W110" s="92">
        <v>5.4672952446518847E-2</v>
      </c>
      <c r="X110" s="109">
        <v>101</v>
      </c>
      <c r="Y110" s="46">
        <v>2.0158520168142275</v>
      </c>
      <c r="Z110" s="47">
        <v>0.26598639931373008</v>
      </c>
      <c r="AA110" s="110">
        <v>0.66750003317837736</v>
      </c>
      <c r="AB110" s="92">
        <v>9.2384422972764974E-2</v>
      </c>
      <c r="AC110" s="110">
        <v>0.10663539605390673</v>
      </c>
      <c r="AD110" s="92">
        <v>6.3794048431990699E-2</v>
      </c>
      <c r="AE110" s="110">
        <v>0.16848107738150134</v>
      </c>
      <c r="AF110" s="92">
        <v>7.5165697259701597E-2</v>
      </c>
      <c r="AG110" s="91">
        <v>5.738349338621547E-2</v>
      </c>
      <c r="AH110" s="92">
        <v>5.1170208404646943E-2</v>
      </c>
    </row>
    <row r="111" spans="1:34">
      <c r="A111" s="52" t="s">
        <v>550</v>
      </c>
      <c r="B111" s="107">
        <v>132</v>
      </c>
      <c r="C111" s="42">
        <v>3.3700890466859912</v>
      </c>
      <c r="D111" s="43">
        <v>0.36490316141807161</v>
      </c>
      <c r="E111" s="108">
        <v>0.56762331098164898</v>
      </c>
      <c r="F111" s="89">
        <v>8.5007288068190578E-2</v>
      </c>
      <c r="G111" s="108">
        <v>0.1038851790023378</v>
      </c>
      <c r="H111" s="89">
        <v>5.4822477303209112E-2</v>
      </c>
      <c r="I111" s="108">
        <v>0.27738635989304156</v>
      </c>
      <c r="J111" s="89">
        <v>7.7329586038733994E-2</v>
      </c>
      <c r="K111" s="88">
        <v>5.1105150122971683E-2</v>
      </c>
      <c r="L111" s="89">
        <v>4.2068721334568925E-2</v>
      </c>
      <c r="M111" s="107">
        <v>133</v>
      </c>
      <c r="N111" s="42">
        <v>3.335765616336547</v>
      </c>
      <c r="O111" s="43">
        <v>0.31424145404679099</v>
      </c>
      <c r="P111" s="108">
        <v>0.1037693972666716</v>
      </c>
      <c r="Q111" s="89">
        <v>5.4581427714738645E-2</v>
      </c>
      <c r="R111" s="108">
        <v>0.31619287756046299</v>
      </c>
      <c r="S111" s="89">
        <v>7.9809808797709922E-2</v>
      </c>
      <c r="T111" s="108">
        <v>0.42227899245989547</v>
      </c>
      <c r="U111" s="89">
        <v>8.4457397153486005E-2</v>
      </c>
      <c r="V111" s="88">
        <v>0.15775873271296978</v>
      </c>
      <c r="W111" s="89">
        <v>6.384532417337993E-2</v>
      </c>
      <c r="X111" s="107">
        <v>133</v>
      </c>
      <c r="Y111" s="42">
        <v>1.9144850264968771</v>
      </c>
      <c r="Z111" s="43">
        <v>0.22173653360278878</v>
      </c>
      <c r="AA111" s="108">
        <v>0.73988803713576146</v>
      </c>
      <c r="AB111" s="89">
        <v>7.5602695535969253E-2</v>
      </c>
      <c r="AC111" s="108">
        <v>8.9161365034890652E-2</v>
      </c>
      <c r="AD111" s="89">
        <v>5.1523925438123071E-2</v>
      </c>
      <c r="AE111" s="108">
        <v>0.13508782297043676</v>
      </c>
      <c r="AF111" s="89">
        <v>6.0291604347635773E-2</v>
      </c>
      <c r="AG111" s="88">
        <v>3.5862774858910866E-2</v>
      </c>
      <c r="AH111" s="89">
        <v>3.7033210933951344E-2</v>
      </c>
    </row>
    <row r="112" spans="1:34">
      <c r="A112" s="44" t="s">
        <v>551</v>
      </c>
      <c r="B112" s="109">
        <v>124</v>
      </c>
      <c r="C112" s="46">
        <v>3.5813971814540984</v>
      </c>
      <c r="D112" s="47">
        <v>0.38881879106800094</v>
      </c>
      <c r="E112" s="110">
        <v>0.49391787769196893</v>
      </c>
      <c r="F112" s="92">
        <v>8.8382210398264494E-2</v>
      </c>
      <c r="G112" s="110">
        <v>0.12297738317472794</v>
      </c>
      <c r="H112" s="92">
        <v>6.0363290853852794E-2</v>
      </c>
      <c r="I112" s="110">
        <v>0.35282016852793918</v>
      </c>
      <c r="J112" s="92">
        <v>8.471843289878303E-2</v>
      </c>
      <c r="K112" s="91">
        <v>3.0284570605363631E-2</v>
      </c>
      <c r="L112" s="92">
        <v>3.6632247754887423E-2</v>
      </c>
      <c r="M112" s="109">
        <v>123</v>
      </c>
      <c r="N112" s="46">
        <v>3.253108425354629</v>
      </c>
      <c r="O112" s="47">
        <v>0.31390744829086276</v>
      </c>
      <c r="P112" s="110">
        <v>8.9409934494256604E-2</v>
      </c>
      <c r="Q112" s="92">
        <v>5.3791091827485447E-2</v>
      </c>
      <c r="R112" s="110">
        <v>0.33319855653786512</v>
      </c>
      <c r="S112" s="92">
        <v>8.3976429134734187E-2</v>
      </c>
      <c r="T112" s="110">
        <v>0.48688130498292503</v>
      </c>
      <c r="U112" s="92">
        <v>8.8706997135840931E-2</v>
      </c>
      <c r="V112" s="91">
        <v>9.0510203984953005E-2</v>
      </c>
      <c r="W112" s="92">
        <v>5.4038308115241421E-2</v>
      </c>
      <c r="X112" s="109">
        <v>124</v>
      </c>
      <c r="Y112" s="46">
        <v>1.9424361982260385</v>
      </c>
      <c r="Z112" s="47">
        <v>0.22036234375544372</v>
      </c>
      <c r="AA112" s="110">
        <v>0.73397986235268997</v>
      </c>
      <c r="AB112" s="92">
        <v>7.8784044537795264E-2</v>
      </c>
      <c r="AC112" s="110">
        <v>0.1114803858121383</v>
      </c>
      <c r="AD112" s="92">
        <v>5.8185940606268978E-2</v>
      </c>
      <c r="AE112" s="110">
        <v>0.14138127148810281</v>
      </c>
      <c r="AF112" s="92">
        <v>6.3567133909577023E-2</v>
      </c>
      <c r="AG112" s="91">
        <v>1.3158480347068973E-2</v>
      </c>
      <c r="AH112" s="92">
        <v>2.935094317405279E-2</v>
      </c>
    </row>
    <row r="113" spans="1:34">
      <c r="A113" s="52" t="s">
        <v>543</v>
      </c>
      <c r="B113" s="107">
        <v>168</v>
      </c>
      <c r="C113" s="42">
        <v>2.8566400760369648</v>
      </c>
      <c r="D113" s="43">
        <v>0.30969977623286632</v>
      </c>
      <c r="E113" s="108">
        <v>0.67875882071411398</v>
      </c>
      <c r="F113" s="89">
        <v>7.1449163536923432E-2</v>
      </c>
      <c r="G113" s="108">
        <v>6.2231708053552479E-2</v>
      </c>
      <c r="H113" s="89">
        <v>3.9522973965176886E-2</v>
      </c>
      <c r="I113" s="108">
        <v>0.24443379177136934</v>
      </c>
      <c r="J113" s="89">
        <v>6.6066994487729042E-2</v>
      </c>
      <c r="K113" s="88">
        <v>1.4575679460963385E-2</v>
      </c>
      <c r="L113" s="89">
        <v>2.4206302623302787E-2</v>
      </c>
      <c r="M113" s="107">
        <v>168</v>
      </c>
      <c r="N113" s="42">
        <v>2.9285220410015418</v>
      </c>
      <c r="O113" s="43">
        <v>0.26697563660408613</v>
      </c>
      <c r="P113" s="108">
        <v>8.0188557921728923E-2</v>
      </c>
      <c r="Q113" s="89">
        <v>4.3631736295943538E-2</v>
      </c>
      <c r="R113" s="108">
        <v>0.28102285486869133</v>
      </c>
      <c r="S113" s="89">
        <v>6.8920809806209071E-2</v>
      </c>
      <c r="T113" s="108">
        <v>0.56553463893936906</v>
      </c>
      <c r="U113" s="89">
        <v>7.5621863142219262E-2</v>
      </c>
      <c r="V113" s="88">
        <v>7.3253948270209784E-2</v>
      </c>
      <c r="W113" s="89">
        <v>4.2112708575573525E-2</v>
      </c>
      <c r="X113" s="107">
        <v>168</v>
      </c>
      <c r="Y113" s="42">
        <v>1.8266428571624942</v>
      </c>
      <c r="Z113" s="43">
        <v>0.17563980970974882</v>
      </c>
      <c r="AA113" s="108">
        <v>0.7418725582248058</v>
      </c>
      <c r="AB113" s="89">
        <v>6.7201028577738076E-2</v>
      </c>
      <c r="AC113" s="108">
        <v>0.12012869860736262</v>
      </c>
      <c r="AD113" s="89">
        <v>5.1111251547530115E-2</v>
      </c>
      <c r="AE113" s="108">
        <v>0.11180120315131406</v>
      </c>
      <c r="AF113" s="89">
        <v>4.9703636817738865E-2</v>
      </c>
      <c r="AG113" s="88">
        <v>2.6197540016517081E-2</v>
      </c>
      <c r="AH113" s="89">
        <v>2.8866636489157712E-2</v>
      </c>
    </row>
    <row r="114" spans="1:34">
      <c r="A114" s="44" t="s">
        <v>544</v>
      </c>
      <c r="B114" s="109">
        <v>49</v>
      </c>
      <c r="C114" s="46">
        <v>2.0415111403987494</v>
      </c>
      <c r="D114" s="47">
        <v>0.46604720790924181</v>
      </c>
      <c r="E114" s="110">
        <v>0.89032721245159796</v>
      </c>
      <c r="F114" s="92">
        <v>9.5076488008162582E-2</v>
      </c>
      <c r="G114" s="110">
        <v>0</v>
      </c>
      <c r="H114" s="92">
        <v>5.2349950714565462E-2</v>
      </c>
      <c r="I114" s="110">
        <v>0.10967278754840214</v>
      </c>
      <c r="J114" s="92">
        <v>9.5076488008162596E-2</v>
      </c>
      <c r="K114" s="91">
        <v>0</v>
      </c>
      <c r="L114" s="92">
        <v>5.2349950714565462E-2</v>
      </c>
      <c r="M114" s="109">
        <v>49</v>
      </c>
      <c r="N114" s="46">
        <v>2.7092890765547799</v>
      </c>
      <c r="O114" s="47">
        <v>0.46262926910054797</v>
      </c>
      <c r="P114" s="110">
        <v>5.4222120674367373E-2</v>
      </c>
      <c r="Q114" s="92">
        <v>7.777342368041669E-2</v>
      </c>
      <c r="R114" s="110">
        <v>0.26055935703009669</v>
      </c>
      <c r="S114" s="92">
        <v>0.12316440235381762</v>
      </c>
      <c r="T114" s="110">
        <v>0.61142622370554633</v>
      </c>
      <c r="U114" s="92">
        <v>0.13441348765971453</v>
      </c>
      <c r="V114" s="91">
        <v>7.3792298589989674E-2</v>
      </c>
      <c r="W114" s="92">
        <v>8.4555050886446034E-2</v>
      </c>
      <c r="X114" s="109">
        <v>49</v>
      </c>
      <c r="Y114" s="46">
        <v>1.4128190413607418</v>
      </c>
      <c r="Z114" s="47">
        <v>0.23413336056877077</v>
      </c>
      <c r="AA114" s="110">
        <v>0.82923114743112447</v>
      </c>
      <c r="AB114" s="92">
        <v>0.10897487216346467</v>
      </c>
      <c r="AC114" s="110">
        <v>0.10419361608349297</v>
      </c>
      <c r="AD114" s="92">
        <v>9.3603805092848713E-2</v>
      </c>
      <c r="AE114" s="110">
        <v>2.1183075323530174E-2</v>
      </c>
      <c r="AF114" s="92">
        <v>6.3859867924184757E-2</v>
      </c>
      <c r="AG114" s="91">
        <v>4.5392161161852532E-2</v>
      </c>
      <c r="AH114" s="92">
        <v>7.4403158872012681E-2</v>
      </c>
    </row>
    <row r="115" spans="1:34">
      <c r="A115" s="52" t="s">
        <v>552</v>
      </c>
      <c r="B115" s="107">
        <v>119</v>
      </c>
      <c r="C115" s="42">
        <v>3.2072592884925109</v>
      </c>
      <c r="D115" s="43">
        <v>0.38285415963930697</v>
      </c>
      <c r="E115" s="108">
        <v>0.58964006408734704</v>
      </c>
      <c r="F115" s="89">
        <v>8.8800275538461287E-2</v>
      </c>
      <c r="G115" s="108">
        <v>8.8445512483158045E-2</v>
      </c>
      <c r="H115" s="89">
        <v>5.4537276550601574E-2</v>
      </c>
      <c r="I115" s="108">
        <v>0.30119904408291126</v>
      </c>
      <c r="J115" s="89">
        <v>8.3228924704909751E-2</v>
      </c>
      <c r="K115" s="88">
        <v>2.0715379346583056E-2</v>
      </c>
      <c r="L115" s="89">
        <v>3.3729698010161208E-2</v>
      </c>
      <c r="M115" s="107">
        <v>119</v>
      </c>
      <c r="N115" s="42">
        <v>3.0207931154162688</v>
      </c>
      <c r="O115" s="43">
        <v>0.3250034642903718</v>
      </c>
      <c r="P115" s="108">
        <v>9.1126376101975839E-2</v>
      </c>
      <c r="Q115" s="89">
        <v>5.5147665725060475E-2</v>
      </c>
      <c r="R115" s="108">
        <v>0.28964267500644136</v>
      </c>
      <c r="S115" s="89">
        <v>8.2359722598485979E-2</v>
      </c>
      <c r="T115" s="108">
        <v>0.54620376942523019</v>
      </c>
      <c r="U115" s="89">
        <v>8.9805897649712196E-2</v>
      </c>
      <c r="V115" s="88">
        <v>7.3027179466352135E-2</v>
      </c>
      <c r="W115" s="89">
        <v>5.0801285506185921E-2</v>
      </c>
      <c r="X115" s="107">
        <v>119</v>
      </c>
      <c r="Y115" s="42">
        <v>1.9954173604229637</v>
      </c>
      <c r="Z115" s="43">
        <v>0.22105779826368774</v>
      </c>
      <c r="AA115" s="108">
        <v>0.70522719747676577</v>
      </c>
      <c r="AB115" s="89">
        <v>8.2752771121141863E-2</v>
      </c>
      <c r="AC115" s="108">
        <v>0.12681317981227164</v>
      </c>
      <c r="AD115" s="89">
        <v>6.2376360550941402E-2</v>
      </c>
      <c r="AE115" s="108">
        <v>0.14981388186706637</v>
      </c>
      <c r="AF115" s="89">
        <v>6.6311888823801346E-2</v>
      </c>
      <c r="AG115" s="88">
        <v>1.8145740843896026E-2</v>
      </c>
      <c r="AH115" s="89">
        <v>3.2596218970875453E-2</v>
      </c>
    </row>
    <row r="116" spans="1:34">
      <c r="A116" s="44" t="s">
        <v>545</v>
      </c>
      <c r="B116" s="109">
        <v>188</v>
      </c>
      <c r="C116" s="46">
        <v>3.4677292470715297</v>
      </c>
      <c r="D116" s="47">
        <v>0.33113795754108</v>
      </c>
      <c r="E116" s="110">
        <v>0.55348865683461868</v>
      </c>
      <c r="F116" s="92">
        <v>7.1771763782720863E-2</v>
      </c>
      <c r="G116" s="110">
        <v>0.10116056027351739</v>
      </c>
      <c r="H116" s="92">
        <v>4.5066177429004733E-2</v>
      </c>
      <c r="I116" s="110">
        <v>0.31522578559307241</v>
      </c>
      <c r="J116" s="92">
        <v>6.7278376023309522E-2</v>
      </c>
      <c r="K116" s="91">
        <v>3.0124997298790514E-2</v>
      </c>
      <c r="L116" s="92">
        <v>2.8255135108858215E-2</v>
      </c>
      <c r="M116" s="109">
        <v>187</v>
      </c>
      <c r="N116" s="46">
        <v>4.2326603592757204</v>
      </c>
      <c r="O116" s="47">
        <v>0.28312104092439333</v>
      </c>
      <c r="P116" s="110">
        <v>0.27913490763525606</v>
      </c>
      <c r="Q116" s="92">
        <v>6.52406605228254E-2</v>
      </c>
      <c r="R116" s="110">
        <v>0.34780060411892194</v>
      </c>
      <c r="S116" s="92">
        <v>6.9069421274607079E-2</v>
      </c>
      <c r="T116" s="110">
        <v>0.28981271312064055</v>
      </c>
      <c r="U116" s="92">
        <v>6.5944978638235313E-2</v>
      </c>
      <c r="V116" s="91">
        <v>8.3251775125180366E-2</v>
      </c>
      <c r="W116" s="92">
        <v>4.1822176706433463E-2</v>
      </c>
      <c r="X116" s="109">
        <v>191</v>
      </c>
      <c r="Y116" s="46">
        <v>1.9901718285418242</v>
      </c>
      <c r="Z116" s="47">
        <v>0.18566209612128415</v>
      </c>
      <c r="AA116" s="110">
        <v>0.68473314112732142</v>
      </c>
      <c r="AB116" s="92">
        <v>6.6757788250322428E-2</v>
      </c>
      <c r="AC116" s="110">
        <v>0.11062685832534067</v>
      </c>
      <c r="AD116" s="92">
        <v>4.6308822611778919E-2</v>
      </c>
      <c r="AE116" s="110">
        <v>0.15361801213637555</v>
      </c>
      <c r="AF116" s="92">
        <v>5.2602292972284741E-2</v>
      </c>
      <c r="AG116" s="91">
        <v>5.1021988410961568E-2</v>
      </c>
      <c r="AH116" s="92">
        <v>3.4075007698419639E-2</v>
      </c>
    </row>
    <row r="119" spans="1:34" ht="18.75">
      <c r="A119" s="337" t="s">
        <v>477</v>
      </c>
      <c r="B119" s="337"/>
      <c r="C119" s="337"/>
      <c r="D119" s="337"/>
      <c r="E119" s="337"/>
      <c r="F119" s="337"/>
      <c r="G119" s="337"/>
      <c r="H119" s="337"/>
      <c r="I119" s="337"/>
      <c r="J119" s="337"/>
      <c r="K119" s="337"/>
      <c r="L119" s="337"/>
    </row>
    <row r="120" spans="1:34" ht="59.25" customHeight="1">
      <c r="A120" s="356" t="s">
        <v>478</v>
      </c>
      <c r="B120" s="356"/>
      <c r="C120" s="356"/>
      <c r="D120" s="356"/>
      <c r="E120" s="356"/>
      <c r="F120" s="356"/>
      <c r="G120" s="356"/>
      <c r="H120" s="356"/>
      <c r="I120" s="356"/>
      <c r="J120" s="356"/>
      <c r="K120" s="356"/>
      <c r="L120" s="356"/>
    </row>
    <row r="121" spans="1:34" ht="45" customHeight="1">
      <c r="A121" s="354" t="s">
        <v>476</v>
      </c>
      <c r="B121" s="355"/>
      <c r="C121" s="355"/>
      <c r="D121" s="355"/>
      <c r="E121" s="355"/>
      <c r="F121" s="355"/>
      <c r="G121" s="355"/>
      <c r="H121" s="355"/>
      <c r="I121" s="355"/>
      <c r="J121" s="355"/>
      <c r="K121" s="355"/>
      <c r="L121" s="355"/>
    </row>
    <row r="122" spans="1:34" ht="72">
      <c r="A122" s="32" t="s">
        <v>71</v>
      </c>
      <c r="B122" s="60" t="s">
        <v>72</v>
      </c>
      <c r="C122" s="60" t="s">
        <v>589</v>
      </c>
      <c r="D122" s="83" t="s">
        <v>73</v>
      </c>
      <c r="E122" s="60" t="s">
        <v>156</v>
      </c>
      <c r="F122" s="83" t="s">
        <v>85</v>
      </c>
      <c r="G122" s="60" t="s">
        <v>157</v>
      </c>
      <c r="H122" s="83" t="s">
        <v>86</v>
      </c>
      <c r="I122" s="60" t="s">
        <v>158</v>
      </c>
      <c r="J122" s="83" t="s">
        <v>87</v>
      </c>
      <c r="K122" s="60" t="s">
        <v>301</v>
      </c>
      <c r="L122" s="83" t="s">
        <v>300</v>
      </c>
    </row>
    <row r="123" spans="1:34" ht="72">
      <c r="A123" s="36"/>
      <c r="B123" s="63" t="s">
        <v>74</v>
      </c>
      <c r="C123" s="63" t="s">
        <v>302</v>
      </c>
      <c r="D123" s="85" t="s">
        <v>76</v>
      </c>
      <c r="E123" s="63" t="s">
        <v>159</v>
      </c>
      <c r="F123" s="85" t="s">
        <v>88</v>
      </c>
      <c r="G123" s="63" t="s">
        <v>160</v>
      </c>
      <c r="H123" s="85" t="s">
        <v>88</v>
      </c>
      <c r="I123" s="63" t="s">
        <v>161</v>
      </c>
      <c r="J123" s="85" t="s">
        <v>88</v>
      </c>
      <c r="K123" s="63" t="s">
        <v>301</v>
      </c>
      <c r="L123" s="85" t="s">
        <v>88</v>
      </c>
    </row>
    <row r="124" spans="1:34">
      <c r="A124" s="40" t="s">
        <v>350</v>
      </c>
      <c r="B124" s="107">
        <v>13874</v>
      </c>
      <c r="C124" s="42">
        <v>5.0634827782403242</v>
      </c>
      <c r="D124" s="43">
        <v>2.7159998507101851E-2</v>
      </c>
      <c r="E124" s="108">
        <v>0.15727631081079141</v>
      </c>
      <c r="F124" s="89">
        <v>6.1823231189941574E-3</v>
      </c>
      <c r="G124" s="108">
        <v>0.16470468259302579</v>
      </c>
      <c r="H124" s="89">
        <v>6.2985676792330471E-3</v>
      </c>
      <c r="I124" s="108">
        <v>0.66027281990802011</v>
      </c>
      <c r="J124" s="89">
        <v>8.040957064815564E-3</v>
      </c>
      <c r="K124" s="88">
        <v>1.7746186688175177E-2</v>
      </c>
      <c r="L124" s="89">
        <v>2.2500615627494983E-3</v>
      </c>
    </row>
    <row r="125" spans="1:34">
      <c r="A125" s="44" t="s">
        <v>351</v>
      </c>
      <c r="B125" s="109">
        <v>10169</v>
      </c>
      <c r="C125" s="46">
        <v>5.1868473565848552</v>
      </c>
      <c r="D125" s="47">
        <v>3.1449030036259353E-2</v>
      </c>
      <c r="E125" s="110">
        <v>0.14559714006374416</v>
      </c>
      <c r="F125" s="92">
        <v>6.9965759779157316E-3</v>
      </c>
      <c r="G125" s="110">
        <v>0.14989961557926051</v>
      </c>
      <c r="H125" s="92">
        <v>7.0811696047721308E-3</v>
      </c>
      <c r="I125" s="110">
        <v>0.69324695550056037</v>
      </c>
      <c r="J125" s="92">
        <v>9.1447930053415571E-3</v>
      </c>
      <c r="K125" s="91">
        <v>1.1256288856427257E-2</v>
      </c>
      <c r="L125" s="92">
        <v>2.1094959711019522E-3</v>
      </c>
    </row>
    <row r="126" spans="1:34">
      <c r="A126" s="40" t="s">
        <v>352</v>
      </c>
      <c r="B126" s="78">
        <v>3705</v>
      </c>
      <c r="C126" s="42">
        <v>4.9626142427155866</v>
      </c>
      <c r="D126" s="43">
        <v>5.2884839506120052E-2</v>
      </c>
      <c r="E126" s="93">
        <v>0.16671241382169902</v>
      </c>
      <c r="F126" s="89">
        <v>1.2250589576164537E-2</v>
      </c>
      <c r="G126" s="93">
        <v>0.17666633127948095</v>
      </c>
      <c r="H126" s="89">
        <v>1.2534372739120028E-2</v>
      </c>
      <c r="I126" s="93">
        <v>0.63363160137579666</v>
      </c>
      <c r="J126" s="89">
        <v>1.5823953681712175E-2</v>
      </c>
      <c r="K126" s="88">
        <v>2.2989653523023176E-2</v>
      </c>
      <c r="L126" s="89">
        <v>4.9751766494316842E-3</v>
      </c>
    </row>
    <row r="127" spans="1:34">
      <c r="A127" s="44" t="s">
        <v>534</v>
      </c>
      <c r="B127" s="109">
        <v>1877</v>
      </c>
      <c r="C127" s="46">
        <v>4.9839646896968279</v>
      </c>
      <c r="D127" s="47">
        <v>7.4282513706962497E-2</v>
      </c>
      <c r="E127" s="110">
        <v>0.15902287749454286</v>
      </c>
      <c r="F127" s="92">
        <v>1.6894994808406831E-2</v>
      </c>
      <c r="G127" s="110">
        <v>0.18389600113823168</v>
      </c>
      <c r="H127" s="92">
        <v>1.788989794395518E-2</v>
      </c>
      <c r="I127" s="110">
        <v>0.6381754673343033</v>
      </c>
      <c r="J127" s="92">
        <v>2.2163121286232889E-2</v>
      </c>
      <c r="K127" s="91">
        <v>1.8905654032925295E-2</v>
      </c>
      <c r="L127" s="92">
        <v>6.4447203466192092E-3</v>
      </c>
    </row>
    <row r="128" spans="1:34">
      <c r="A128" s="40" t="s">
        <v>535</v>
      </c>
      <c r="B128" s="78">
        <v>1530</v>
      </c>
      <c r="C128" s="42">
        <v>4.9187653300853169</v>
      </c>
      <c r="D128" s="43">
        <v>8.461388299287359E-2</v>
      </c>
      <c r="E128" s="93">
        <v>0.17904796435162887</v>
      </c>
      <c r="F128" s="89">
        <v>1.9613361954645005E-2</v>
      </c>
      <c r="G128" s="93">
        <v>0.17893928303633166</v>
      </c>
      <c r="H128" s="89">
        <v>1.9608747351380504E-2</v>
      </c>
      <c r="I128" s="93">
        <v>0.6267741356476193</v>
      </c>
      <c r="J128" s="89">
        <v>2.4702243777063222E-2</v>
      </c>
      <c r="K128" s="88">
        <v>1.5238616964418859E-2</v>
      </c>
      <c r="L128" s="89">
        <v>6.5055035228770925E-3</v>
      </c>
    </row>
    <row r="129" spans="1:12">
      <c r="A129" s="44" t="s">
        <v>546</v>
      </c>
      <c r="B129" s="109">
        <v>351</v>
      </c>
      <c r="C129" s="46">
        <v>5.1815686145369471</v>
      </c>
      <c r="D129" s="47">
        <v>0.14876963865362258</v>
      </c>
      <c r="E129" s="110">
        <v>9.886642650466379E-2</v>
      </c>
      <c r="F129" s="92">
        <v>3.231840299061188E-2</v>
      </c>
      <c r="G129" s="110">
        <v>0.20030445080662745</v>
      </c>
      <c r="H129" s="92">
        <v>4.2749875776667126E-2</v>
      </c>
      <c r="I129" s="110">
        <v>0.67028978845607468</v>
      </c>
      <c r="J129" s="92">
        <v>4.9974776303984142E-2</v>
      </c>
      <c r="K129" s="91">
        <v>3.0539334232632623E-2</v>
      </c>
      <c r="L129" s="92">
        <v>1.9729241142427904E-2</v>
      </c>
    </row>
    <row r="130" spans="1:12">
      <c r="A130" s="40" t="s">
        <v>536</v>
      </c>
      <c r="B130" s="78">
        <v>295</v>
      </c>
      <c r="C130" s="42">
        <v>4.9921190972940712</v>
      </c>
      <c r="D130" s="43">
        <v>0.18477922814309014</v>
      </c>
      <c r="E130" s="93">
        <v>0.16484889217827114</v>
      </c>
      <c r="F130" s="89">
        <v>4.337886559602485E-2</v>
      </c>
      <c r="G130" s="93">
        <v>0.20466824950764292</v>
      </c>
      <c r="H130" s="89">
        <v>4.6996365812328189E-2</v>
      </c>
      <c r="I130" s="93">
        <v>0.62564199460143544</v>
      </c>
      <c r="J130" s="89">
        <v>5.6025988894403911E-2</v>
      </c>
      <c r="K130" s="88">
        <v>4.8408637126476318E-3</v>
      </c>
      <c r="L130" s="89">
        <v>1.2313420071977424E-2</v>
      </c>
    </row>
    <row r="131" spans="1:12">
      <c r="A131" s="44" t="s">
        <v>537</v>
      </c>
      <c r="B131" s="109">
        <v>88</v>
      </c>
      <c r="C131" s="46">
        <v>4.5744428470059662</v>
      </c>
      <c r="D131" s="47">
        <v>0.36653134548125599</v>
      </c>
      <c r="E131" s="110">
        <v>0.18956562716479386</v>
      </c>
      <c r="F131" s="92">
        <v>8.3880941428253378E-2</v>
      </c>
      <c r="G131" s="110">
        <v>0.2947624305386029</v>
      </c>
      <c r="H131" s="92">
        <v>9.5885061652159626E-2</v>
      </c>
      <c r="I131" s="110">
        <v>0.5108472551820693</v>
      </c>
      <c r="J131" s="92">
        <v>0.104234757240405</v>
      </c>
      <c r="K131" s="91">
        <v>4.8246871145338661E-3</v>
      </c>
      <c r="L131" s="92">
        <v>3.3401062642337727E-2</v>
      </c>
    </row>
    <row r="132" spans="1:12">
      <c r="A132" s="40" t="s">
        <v>538</v>
      </c>
      <c r="B132" s="78">
        <v>89</v>
      </c>
      <c r="C132" s="42">
        <v>5.1384078831970195</v>
      </c>
      <c r="D132" s="43">
        <v>0.30489936845894733</v>
      </c>
      <c r="E132" s="93">
        <v>0.14257393805098326</v>
      </c>
      <c r="F132" s="89">
        <v>7.5633472414063055E-2</v>
      </c>
      <c r="G132" s="93">
        <v>0.15919365439891972</v>
      </c>
      <c r="H132" s="89">
        <v>7.8597238391923521E-2</v>
      </c>
      <c r="I132" s="93">
        <v>0.69823240755009708</v>
      </c>
      <c r="J132" s="89">
        <v>9.5941632431623125E-2</v>
      </c>
      <c r="K132" s="88">
        <v>0</v>
      </c>
      <c r="L132" s="89">
        <v>3.0084393934100805E-2</v>
      </c>
    </row>
    <row r="133" spans="1:12">
      <c r="A133" s="44" t="s">
        <v>539</v>
      </c>
      <c r="B133" s="109">
        <v>99</v>
      </c>
      <c r="C133" s="46">
        <v>5.1822417788419806</v>
      </c>
      <c r="D133" s="47">
        <v>0.30007800910736832</v>
      </c>
      <c r="E133" s="110">
        <v>0.15632586443618618</v>
      </c>
      <c r="F133" s="92">
        <v>7.3967638778823327E-2</v>
      </c>
      <c r="G133" s="110">
        <v>0.18724968087984767</v>
      </c>
      <c r="H133" s="92">
        <v>7.8736830668759139E-2</v>
      </c>
      <c r="I133" s="110">
        <v>0.65642445468396671</v>
      </c>
      <c r="J133" s="92">
        <v>9.3972721124037359E-2</v>
      </c>
      <c r="K133" s="91">
        <v>0</v>
      </c>
      <c r="L133" s="92">
        <v>2.7192544212657866E-2</v>
      </c>
    </row>
    <row r="134" spans="1:12">
      <c r="A134" s="40" t="s">
        <v>540</v>
      </c>
      <c r="B134" s="107">
        <v>115</v>
      </c>
      <c r="C134" s="42">
        <v>5.2379547415510128</v>
      </c>
      <c r="D134" s="43">
        <v>0.26450819667257547</v>
      </c>
      <c r="E134" s="108">
        <v>7.1906867686342787E-2</v>
      </c>
      <c r="F134" s="89">
        <v>5.1482054564496518E-2</v>
      </c>
      <c r="G134" s="108">
        <v>0.21538475188914305</v>
      </c>
      <c r="H134" s="89">
        <v>7.6553580007135844E-2</v>
      </c>
      <c r="I134" s="108">
        <v>0.68964220568394097</v>
      </c>
      <c r="J134" s="89">
        <v>8.529000617030752E-2</v>
      </c>
      <c r="K134" s="88">
        <v>2.3066174740573125E-2</v>
      </c>
      <c r="L134" s="89">
        <v>3.5536202077318106E-2</v>
      </c>
    </row>
    <row r="135" spans="1:12">
      <c r="A135" s="44" t="s">
        <v>541</v>
      </c>
      <c r="B135" s="109">
        <v>111</v>
      </c>
      <c r="C135" s="46">
        <v>4.7319159697534889</v>
      </c>
      <c r="D135" s="47">
        <v>0.30563909983270232</v>
      </c>
      <c r="E135" s="110">
        <v>0.1929002944231398</v>
      </c>
      <c r="F135" s="92">
        <v>7.5096780014718881E-2</v>
      </c>
      <c r="G135" s="110">
        <v>0.26254273211787305</v>
      </c>
      <c r="H135" s="92">
        <v>8.2876194656493374E-2</v>
      </c>
      <c r="I135" s="110">
        <v>0.52586311816937548</v>
      </c>
      <c r="J135" s="92">
        <v>9.313418502775124E-2</v>
      </c>
      <c r="K135" s="91">
        <v>1.8693855289611927E-2</v>
      </c>
      <c r="L135" s="92">
        <v>3.4479636693053435E-2</v>
      </c>
    </row>
    <row r="136" spans="1:12">
      <c r="A136" s="40" t="s">
        <v>542</v>
      </c>
      <c r="B136" s="78">
        <v>170</v>
      </c>
      <c r="C136" s="42">
        <v>4.3578717609563062</v>
      </c>
      <c r="D136" s="43">
        <v>0.26039887646727583</v>
      </c>
      <c r="E136" s="93">
        <v>0.27692502727666352</v>
      </c>
      <c r="F136" s="89">
        <v>6.8228686950701792E-2</v>
      </c>
      <c r="G136" s="93">
        <v>0.23125842105654687</v>
      </c>
      <c r="H136" s="89">
        <v>6.4515942938760604E-2</v>
      </c>
      <c r="I136" s="93">
        <v>0.47279922562305332</v>
      </c>
      <c r="J136" s="89">
        <v>7.5702646431184975E-2</v>
      </c>
      <c r="K136" s="93">
        <v>1.9017326043735981E-2</v>
      </c>
      <c r="L136" s="89">
        <v>2.5895426096167649E-2</v>
      </c>
    </row>
    <row r="137" spans="1:12">
      <c r="A137" s="44" t="s">
        <v>547</v>
      </c>
      <c r="B137" s="109">
        <v>72</v>
      </c>
      <c r="C137" s="46">
        <v>4.4700763214156378</v>
      </c>
      <c r="D137" s="47">
        <v>0.4286690729436553</v>
      </c>
      <c r="E137" s="110">
        <v>0.26868838345171875</v>
      </c>
      <c r="F137" s="92">
        <v>0.10310414626688227</v>
      </c>
      <c r="G137" s="110">
        <v>0.2316336467534777</v>
      </c>
      <c r="H137" s="92">
        <v>9.8771693924240081E-2</v>
      </c>
      <c r="I137" s="110">
        <v>0.45941572099256639</v>
      </c>
      <c r="J137" s="92">
        <v>0.11436822593585061</v>
      </c>
      <c r="K137" s="91">
        <v>4.0262248802237437E-2</v>
      </c>
      <c r="L137" s="92">
        <v>5.6337336132375251E-2</v>
      </c>
    </row>
    <row r="138" spans="1:12">
      <c r="A138" s="40" t="s">
        <v>548</v>
      </c>
      <c r="B138" s="107">
        <v>123</v>
      </c>
      <c r="C138" s="42">
        <v>5.1191732246506785</v>
      </c>
      <c r="D138" s="43">
        <v>0.29773209247341004</v>
      </c>
      <c r="E138" s="108">
        <v>0.15006453842559972</v>
      </c>
      <c r="F138" s="89">
        <v>6.5240291692215985E-2</v>
      </c>
      <c r="G138" s="108">
        <v>0.13800642773588132</v>
      </c>
      <c r="H138" s="89">
        <v>6.326674173568346E-2</v>
      </c>
      <c r="I138" s="108">
        <v>0.70695903087074752</v>
      </c>
      <c r="J138" s="89">
        <v>8.129339327945144E-2</v>
      </c>
      <c r="K138" s="88">
        <v>4.9700029677709947E-3</v>
      </c>
      <c r="L138" s="89">
        <v>2.5185124780246638E-2</v>
      </c>
    </row>
    <row r="139" spans="1:12">
      <c r="A139" s="44" t="s">
        <v>549</v>
      </c>
      <c r="B139" s="109">
        <v>100</v>
      </c>
      <c r="C139" s="46">
        <v>4.7237119337027682</v>
      </c>
      <c r="D139" s="47">
        <v>0.38321483302114329</v>
      </c>
      <c r="E139" s="110">
        <v>0.27614425600425307</v>
      </c>
      <c r="F139" s="92">
        <v>8.8506670592472442E-2</v>
      </c>
      <c r="G139" s="110">
        <v>8.2559731365438871E-2</v>
      </c>
      <c r="H139" s="92">
        <v>5.8470960305492488E-2</v>
      </c>
      <c r="I139" s="110">
        <v>0.61403443300903082</v>
      </c>
      <c r="J139" s="92">
        <v>9.5671153099861017E-2</v>
      </c>
      <c r="K139" s="91">
        <v>2.7261579621277988E-2</v>
      </c>
      <c r="L139" s="92">
        <v>4.084618670960035E-2</v>
      </c>
    </row>
    <row r="140" spans="1:12">
      <c r="A140" s="40" t="s">
        <v>550</v>
      </c>
      <c r="B140" s="107">
        <v>130</v>
      </c>
      <c r="C140" s="42">
        <v>4.7713946440592458</v>
      </c>
      <c r="D140" s="43">
        <v>0.2840013160332398</v>
      </c>
      <c r="E140" s="108">
        <v>0.16899494124297307</v>
      </c>
      <c r="F140" s="89">
        <v>6.6215202532560413E-2</v>
      </c>
      <c r="G140" s="108">
        <v>0.20676510753045779</v>
      </c>
      <c r="H140" s="89">
        <v>7.1041340156973776E-2</v>
      </c>
      <c r="I140" s="108">
        <v>0.60398456079080765</v>
      </c>
      <c r="J140" s="89">
        <v>8.4610277035713791E-2</v>
      </c>
      <c r="K140" s="88">
        <v>2.0255390435761685E-2</v>
      </c>
      <c r="L140" s="89">
        <v>3.1566379538983919E-2</v>
      </c>
    </row>
    <row r="141" spans="1:12">
      <c r="A141" s="44" t="s">
        <v>551</v>
      </c>
      <c r="B141" s="109">
        <v>123</v>
      </c>
      <c r="C141" s="46">
        <v>4.8779834625886584</v>
      </c>
      <c r="D141" s="47">
        <v>0.3248768214500653</v>
      </c>
      <c r="E141" s="110">
        <v>0.20227347459846826</v>
      </c>
      <c r="F141" s="92">
        <v>7.2493208863006781E-2</v>
      </c>
      <c r="G141" s="110">
        <v>9.657581820070725E-2</v>
      </c>
      <c r="H141" s="92">
        <v>5.5369770907701669E-2</v>
      </c>
      <c r="I141" s="110">
        <v>0.68453444809376596</v>
      </c>
      <c r="J141" s="92">
        <v>8.2873269222932339E-2</v>
      </c>
      <c r="K141" s="91">
        <v>1.661625910705854E-2</v>
      </c>
      <c r="L141" s="92">
        <v>3.1159785386200789E-2</v>
      </c>
    </row>
    <row r="142" spans="1:12">
      <c r="A142" s="40" t="s">
        <v>543</v>
      </c>
      <c r="B142" s="107">
        <v>168</v>
      </c>
      <c r="C142" s="42">
        <v>5.6498119672238216</v>
      </c>
      <c r="D142" s="43">
        <v>0.21221372533306426</v>
      </c>
      <c r="E142" s="108">
        <v>5.472265924171367E-2</v>
      </c>
      <c r="F142" s="89">
        <v>3.7615807893535462E-2</v>
      </c>
      <c r="G142" s="108">
        <v>0.16821188391812444</v>
      </c>
      <c r="H142" s="89">
        <v>5.8065172952053608E-2</v>
      </c>
      <c r="I142" s="108">
        <v>0.76624735008477873</v>
      </c>
      <c r="J142" s="89">
        <v>6.5124408717817231E-2</v>
      </c>
      <c r="K142" s="88">
        <v>1.0818106755382742E-2</v>
      </c>
      <c r="L142" s="89">
        <v>2.2465393095151585E-2</v>
      </c>
    </row>
    <row r="143" spans="1:12">
      <c r="A143" s="44" t="s">
        <v>544</v>
      </c>
      <c r="B143" s="109">
        <v>49</v>
      </c>
      <c r="C143" s="46">
        <v>5.8990321591203339</v>
      </c>
      <c r="D143" s="47">
        <v>0.30506829836393456</v>
      </c>
      <c r="E143" s="110">
        <v>2.6493809986762349E-2</v>
      </c>
      <c r="F143" s="92">
        <v>6.6365220264802752E-2</v>
      </c>
      <c r="G143" s="110">
        <v>0.11892050955305125</v>
      </c>
      <c r="H143" s="92">
        <v>9.7466581154389734E-2</v>
      </c>
      <c r="I143" s="110">
        <v>0.85458568046018657</v>
      </c>
      <c r="J143" s="92">
        <v>0.10371626722267949</v>
      </c>
      <c r="K143" s="91">
        <v>0</v>
      </c>
      <c r="L143" s="92">
        <v>5.2349950714565462E-2</v>
      </c>
    </row>
    <row r="144" spans="1:12">
      <c r="A144" s="40" t="s">
        <v>552</v>
      </c>
      <c r="B144" s="107">
        <v>119</v>
      </c>
      <c r="C144" s="42">
        <v>5.543193924644453</v>
      </c>
      <c r="D144" s="43">
        <v>0.26869677275897808</v>
      </c>
      <c r="E144" s="108">
        <v>6.6613471125027704E-2</v>
      </c>
      <c r="F144" s="89">
        <v>4.9120282742237856E-2</v>
      </c>
      <c r="G144" s="108">
        <v>0.18897484363892469</v>
      </c>
      <c r="H144" s="89">
        <v>7.2010130425684035E-2</v>
      </c>
      <c r="I144" s="108">
        <v>0.72903667744654588</v>
      </c>
      <c r="J144" s="89">
        <v>8.0828758448421051E-2</v>
      </c>
      <c r="K144" s="88">
        <v>1.5375007789501309E-2</v>
      </c>
      <c r="L144" s="89">
        <v>3.1320930594061901E-2</v>
      </c>
    </row>
    <row r="145" spans="1:12">
      <c r="A145" s="44" t="s">
        <v>545</v>
      </c>
      <c r="B145" s="109">
        <v>191</v>
      </c>
      <c r="C145" s="46">
        <v>4.7490446382161151</v>
      </c>
      <c r="D145" s="47">
        <v>0.24996451313965576</v>
      </c>
      <c r="E145" s="110">
        <v>0.21955973280248642</v>
      </c>
      <c r="F145" s="92">
        <v>5.9836820317384305E-2</v>
      </c>
      <c r="G145" s="110">
        <v>0.23419780568358653</v>
      </c>
      <c r="H145" s="92">
        <v>6.113758506127951E-2</v>
      </c>
      <c r="I145" s="110">
        <v>0.53260469059951843</v>
      </c>
      <c r="J145" s="92">
        <v>7.1465264978088153E-2</v>
      </c>
      <c r="K145" s="91">
        <v>1.3637770914407736E-2</v>
      </c>
      <c r="L145" s="92">
        <v>2.1747639128713449E-2</v>
      </c>
    </row>
  </sheetData>
  <mergeCells count="23">
    <mergeCell ref="A3:D3"/>
    <mergeCell ref="A4:D4"/>
    <mergeCell ref="A5:D5"/>
    <mergeCell ref="M34:W34"/>
    <mergeCell ref="X34:AH34"/>
    <mergeCell ref="B34:L34"/>
    <mergeCell ref="A33:BD33"/>
    <mergeCell ref="A32:BD32"/>
    <mergeCell ref="A121:L121"/>
    <mergeCell ref="A119:L119"/>
    <mergeCell ref="A120:L120"/>
    <mergeCell ref="AT34:BD34"/>
    <mergeCell ref="X92:AH92"/>
    <mergeCell ref="A62:AS62"/>
    <mergeCell ref="B92:L92"/>
    <mergeCell ref="AI34:AS34"/>
    <mergeCell ref="M92:W92"/>
    <mergeCell ref="B63:L63"/>
    <mergeCell ref="M63:W63"/>
    <mergeCell ref="X63:AH63"/>
    <mergeCell ref="AI63:AS63"/>
    <mergeCell ref="A91:AH91"/>
    <mergeCell ref="A90:AH90"/>
  </mergeCell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AS147"/>
  <sheetViews>
    <sheetView zoomScaleNormal="100" zoomScalePageLayoutView="75" workbookViewId="0"/>
  </sheetViews>
  <sheetFormatPr defaultColWidth="22.85546875" defaultRowHeight="15"/>
  <cols>
    <col min="1" max="1" width="55.7109375" customWidth="1"/>
    <col min="9" max="9" width="25.5703125" customWidth="1"/>
    <col min="10" max="10" width="26.7109375" customWidth="1"/>
  </cols>
  <sheetData>
    <row r="1" spans="1:6" ht="31.5">
      <c r="A1" s="30" t="s">
        <v>41</v>
      </c>
    </row>
    <row r="3" spans="1:6" ht="18.75">
      <c r="A3" s="337" t="s">
        <v>1</v>
      </c>
      <c r="B3" s="337"/>
      <c r="C3" s="337"/>
      <c r="D3" s="337"/>
    </row>
    <row r="4" spans="1:6" ht="201" customHeight="1">
      <c r="A4" s="390" t="s">
        <v>584</v>
      </c>
      <c r="B4" s="390"/>
      <c r="C4" s="390"/>
      <c r="D4" s="390"/>
      <c r="F4" s="226"/>
    </row>
    <row r="5" spans="1:6" ht="34.5" customHeight="1">
      <c r="A5" s="374" t="s">
        <v>105</v>
      </c>
      <c r="B5" s="375"/>
      <c r="C5" s="375"/>
      <c r="D5" s="375"/>
    </row>
    <row r="6" spans="1:6" ht="43.5" customHeight="1">
      <c r="A6" s="32" t="s">
        <v>71</v>
      </c>
      <c r="B6" s="33" t="s">
        <v>72</v>
      </c>
      <c r="C6" s="34" t="s">
        <v>588</v>
      </c>
      <c r="D6" s="35" t="s">
        <v>73</v>
      </c>
    </row>
    <row r="7" spans="1:6" ht="56.25" customHeight="1">
      <c r="A7" s="36"/>
      <c r="B7" s="37" t="s">
        <v>74</v>
      </c>
      <c r="C7" s="38" t="s">
        <v>106</v>
      </c>
      <c r="D7" s="39" t="s">
        <v>76</v>
      </c>
    </row>
    <row r="8" spans="1:6">
      <c r="A8" s="40" t="s">
        <v>350</v>
      </c>
      <c r="B8" s="78">
        <v>13277</v>
      </c>
      <c r="C8" s="79">
        <v>3.677282666426394</v>
      </c>
      <c r="D8" s="80">
        <v>2.0993451205933784E-2</v>
      </c>
    </row>
    <row r="9" spans="1:6">
      <c r="A9" s="44" t="s">
        <v>351</v>
      </c>
      <c r="B9" s="114">
        <v>9829</v>
      </c>
      <c r="C9" s="115">
        <v>3.6556820477485221</v>
      </c>
      <c r="D9" s="116">
        <v>2.4262117158797572E-2</v>
      </c>
    </row>
    <row r="10" spans="1:6">
      <c r="A10" s="40" t="s">
        <v>352</v>
      </c>
      <c r="B10" s="78">
        <v>3448</v>
      </c>
      <c r="C10" s="79">
        <v>3.6954697037798288</v>
      </c>
      <c r="D10" s="80">
        <v>4.1708570481464757E-2</v>
      </c>
    </row>
    <row r="11" spans="1:6">
      <c r="A11" s="44" t="s">
        <v>534</v>
      </c>
      <c r="B11" s="114">
        <v>1799</v>
      </c>
      <c r="C11" s="115">
        <v>3.5870656110691295</v>
      </c>
      <c r="D11" s="116">
        <v>5.6453687406163994E-2</v>
      </c>
    </row>
    <row r="12" spans="1:6">
      <c r="A12" s="40" t="s">
        <v>535</v>
      </c>
      <c r="B12" s="78">
        <v>1475</v>
      </c>
      <c r="C12" s="79">
        <v>3.5305568613579257</v>
      </c>
      <c r="D12" s="80">
        <v>6.1864873990341226E-2</v>
      </c>
    </row>
    <row r="13" spans="1:6">
      <c r="A13" s="44" t="s">
        <v>546</v>
      </c>
      <c r="B13" s="114">
        <v>328</v>
      </c>
      <c r="C13" s="115">
        <v>3.7490698108957341</v>
      </c>
      <c r="D13" s="116">
        <v>0.13653986793799755</v>
      </c>
    </row>
    <row r="14" spans="1:6">
      <c r="A14" s="40" t="s">
        <v>536</v>
      </c>
      <c r="B14" s="78">
        <v>290</v>
      </c>
      <c r="C14" s="79">
        <v>3.5338763729582681</v>
      </c>
      <c r="D14" s="80">
        <v>0.14681209002072232</v>
      </c>
    </row>
    <row r="15" spans="1:6">
      <c r="A15" s="44" t="s">
        <v>537</v>
      </c>
      <c r="B15" s="114">
        <v>84</v>
      </c>
      <c r="C15" s="115">
        <v>3.796337301860266</v>
      </c>
      <c r="D15" s="116">
        <v>0.26278225901981372</v>
      </c>
    </row>
    <row r="16" spans="1:6">
      <c r="A16" s="40" t="s">
        <v>538</v>
      </c>
      <c r="B16" s="78">
        <v>88</v>
      </c>
      <c r="C16" s="79">
        <v>3.1972162794578005</v>
      </c>
      <c r="D16" s="80">
        <v>0.26644686363574099</v>
      </c>
    </row>
    <row r="17" spans="1:17">
      <c r="A17" s="44" t="s">
        <v>539</v>
      </c>
      <c r="B17" s="114">
        <v>99</v>
      </c>
      <c r="C17" s="115">
        <v>3.6603589764222328</v>
      </c>
      <c r="D17" s="116">
        <v>0.26457576695405238</v>
      </c>
    </row>
    <row r="18" spans="1:17">
      <c r="A18" s="40" t="s">
        <v>540</v>
      </c>
      <c r="B18" s="111">
        <v>109</v>
      </c>
      <c r="C18" s="112">
        <v>3.5551821670815289</v>
      </c>
      <c r="D18" s="113">
        <v>0.22206361889299359</v>
      </c>
    </row>
    <row r="19" spans="1:17">
      <c r="A19" s="44" t="s">
        <v>541</v>
      </c>
      <c r="B19" s="114">
        <v>105</v>
      </c>
      <c r="C19" s="115">
        <v>3.7169014513289436</v>
      </c>
      <c r="D19" s="116">
        <v>0.23923640798204912</v>
      </c>
    </row>
    <row r="20" spans="1:17">
      <c r="A20" s="40" t="s">
        <v>542</v>
      </c>
      <c r="B20" s="78">
        <v>164</v>
      </c>
      <c r="C20" s="79">
        <v>3.6971960820792775</v>
      </c>
      <c r="D20" s="80">
        <v>0.17828802455310716</v>
      </c>
    </row>
    <row r="21" spans="1:17">
      <c r="A21" s="44" t="s">
        <v>547</v>
      </c>
      <c r="B21" s="114">
        <v>64</v>
      </c>
      <c r="C21" s="115">
        <v>3.7282746986238049</v>
      </c>
      <c r="D21" s="116">
        <v>0.29182649383827369</v>
      </c>
    </row>
    <row r="22" spans="1:17">
      <c r="A22" s="52" t="s">
        <v>548</v>
      </c>
      <c r="B22" s="111">
        <v>115</v>
      </c>
      <c r="C22" s="112">
        <v>3.7337590757679329</v>
      </c>
      <c r="D22" s="113">
        <v>0.23166798585990633</v>
      </c>
    </row>
    <row r="23" spans="1:17">
      <c r="A23" s="44" t="s">
        <v>549</v>
      </c>
      <c r="B23" s="114">
        <v>98</v>
      </c>
      <c r="C23" s="115">
        <v>3.4455291069626144</v>
      </c>
      <c r="D23" s="116">
        <v>0.21852089410737124</v>
      </c>
    </row>
    <row r="24" spans="1:17">
      <c r="A24" s="52" t="s">
        <v>550</v>
      </c>
      <c r="B24" s="111">
        <v>129</v>
      </c>
      <c r="C24" s="112">
        <v>3.4503475227740892</v>
      </c>
      <c r="D24" s="113">
        <v>0.19556952973349429</v>
      </c>
    </row>
    <row r="25" spans="1:17">
      <c r="A25" s="44" t="s">
        <v>551</v>
      </c>
      <c r="B25" s="114">
        <v>116</v>
      </c>
      <c r="C25" s="115">
        <v>3.3668354291874354</v>
      </c>
      <c r="D25" s="116">
        <v>0.22920468288603252</v>
      </c>
    </row>
    <row r="26" spans="1:17">
      <c r="A26" s="52" t="s">
        <v>543</v>
      </c>
      <c r="B26" s="111">
        <v>161</v>
      </c>
      <c r="C26" s="112">
        <v>3.6839727980215602</v>
      </c>
      <c r="D26" s="113">
        <v>0.17975297631790066</v>
      </c>
    </row>
    <row r="27" spans="1:17">
      <c r="A27" s="44" t="s">
        <v>544</v>
      </c>
      <c r="B27" s="114">
        <v>48</v>
      </c>
      <c r="C27" s="115">
        <v>3.8208213947367065</v>
      </c>
      <c r="D27" s="116">
        <v>0.3399068820742685</v>
      </c>
    </row>
    <row r="28" spans="1:17">
      <c r="A28" s="52" t="s">
        <v>552</v>
      </c>
      <c r="B28" s="111">
        <v>113</v>
      </c>
      <c r="C28" s="112">
        <v>3.6242371531215558</v>
      </c>
      <c r="D28" s="113">
        <v>0.21244307308731428</v>
      </c>
    </row>
    <row r="29" spans="1:17">
      <c r="A29" s="44" t="s">
        <v>545</v>
      </c>
      <c r="B29" s="114">
        <v>184</v>
      </c>
      <c r="C29" s="115">
        <v>3.077067177274968</v>
      </c>
      <c r="D29" s="116">
        <v>0.16736496685138258</v>
      </c>
    </row>
    <row r="32" spans="1:17" ht="18.75">
      <c r="A32" s="337" t="s">
        <v>34</v>
      </c>
      <c r="B32" s="337"/>
      <c r="C32" s="337"/>
      <c r="D32" s="337"/>
      <c r="E32" s="337"/>
      <c r="F32" s="337"/>
      <c r="G32" s="337"/>
      <c r="H32" s="337"/>
      <c r="I32" s="337"/>
      <c r="J32" s="337"/>
      <c r="K32" s="337"/>
      <c r="L32" s="337"/>
      <c r="M32" s="337"/>
      <c r="N32" s="337"/>
      <c r="O32" s="337"/>
      <c r="P32" s="337"/>
      <c r="Q32" s="337"/>
    </row>
    <row r="33" spans="1:45" ht="58.5" customHeight="1">
      <c r="A33" s="386" t="s">
        <v>585</v>
      </c>
      <c r="B33" s="386"/>
      <c r="C33" s="386"/>
      <c r="D33" s="386"/>
      <c r="E33" s="386"/>
      <c r="F33" s="386"/>
      <c r="G33" s="386"/>
      <c r="H33" s="386"/>
      <c r="I33" s="386"/>
      <c r="J33" s="386"/>
      <c r="K33" s="386"/>
      <c r="L33" s="386"/>
      <c r="M33" s="386"/>
      <c r="N33" s="386"/>
      <c r="O33" s="386"/>
      <c r="P33" s="386"/>
      <c r="Q33" s="386"/>
    </row>
    <row r="34" spans="1:45" ht="39" customHeight="1">
      <c r="A34" s="104"/>
      <c r="B34" s="385" t="s">
        <v>107</v>
      </c>
      <c r="C34" s="370"/>
      <c r="D34" s="370"/>
      <c r="E34" s="370"/>
      <c r="F34" s="370"/>
      <c r="G34" s="370"/>
      <c r="H34" s="371"/>
      <c r="I34" s="366" t="s">
        <v>274</v>
      </c>
      <c r="J34" s="383"/>
      <c r="K34" s="383"/>
      <c r="L34" s="383"/>
      <c r="M34" s="383"/>
      <c r="N34" s="383"/>
      <c r="O34" s="383"/>
      <c r="P34" s="383"/>
      <c r="Q34" s="383"/>
      <c r="R34" s="289"/>
      <c r="S34" s="289"/>
      <c r="T34" s="289"/>
      <c r="U34" s="289"/>
      <c r="V34" s="289"/>
      <c r="W34" s="289"/>
      <c r="X34" s="289"/>
      <c r="Y34" s="289"/>
      <c r="Z34" s="289"/>
      <c r="AA34" s="289"/>
      <c r="AB34" s="289"/>
      <c r="AC34" s="289"/>
      <c r="AD34" s="289"/>
      <c r="AE34" s="289"/>
      <c r="AF34" s="289"/>
      <c r="AG34" s="289"/>
      <c r="AH34" s="289"/>
      <c r="AI34" s="289"/>
      <c r="AJ34" s="289"/>
      <c r="AK34" s="289"/>
      <c r="AL34" s="289"/>
      <c r="AM34" s="289"/>
      <c r="AN34" s="289"/>
      <c r="AO34" s="289"/>
      <c r="AP34" s="289"/>
      <c r="AQ34" s="289"/>
      <c r="AR34" s="289"/>
      <c r="AS34" s="289"/>
    </row>
    <row r="35" spans="1:45" ht="39.75" customHeight="1">
      <c r="A35" s="32" t="s">
        <v>71</v>
      </c>
      <c r="B35" s="33" t="s">
        <v>72</v>
      </c>
      <c r="C35" s="33" t="s">
        <v>174</v>
      </c>
      <c r="D35" s="84" t="s">
        <v>108</v>
      </c>
      <c r="E35" s="33" t="s">
        <v>187</v>
      </c>
      <c r="F35" s="84" t="s">
        <v>530</v>
      </c>
      <c r="G35" s="33" t="s">
        <v>189</v>
      </c>
      <c r="H35" s="84" t="s">
        <v>531</v>
      </c>
      <c r="I35" s="60" t="s">
        <v>72</v>
      </c>
      <c r="J35" s="60" t="s">
        <v>175</v>
      </c>
      <c r="K35" s="83" t="s">
        <v>109</v>
      </c>
      <c r="L35" s="60" t="s">
        <v>176</v>
      </c>
      <c r="M35" s="83" t="s">
        <v>110</v>
      </c>
      <c r="N35" s="60" t="s">
        <v>177</v>
      </c>
      <c r="O35" s="83" t="s">
        <v>111</v>
      </c>
      <c r="P35" s="60" t="s">
        <v>453</v>
      </c>
      <c r="Q35" s="83" t="s">
        <v>112</v>
      </c>
    </row>
    <row r="36" spans="1:45" ht="63" customHeight="1">
      <c r="A36" s="36"/>
      <c r="B36" s="37" t="s">
        <v>74</v>
      </c>
      <c r="C36" s="37" t="s">
        <v>186</v>
      </c>
      <c r="D36" s="86" t="s">
        <v>88</v>
      </c>
      <c r="E36" s="37" t="s">
        <v>188</v>
      </c>
      <c r="F36" s="86" t="s">
        <v>88</v>
      </c>
      <c r="G36" s="37" t="s">
        <v>190</v>
      </c>
      <c r="H36" s="86" t="s">
        <v>88</v>
      </c>
      <c r="I36" s="63" t="s">
        <v>74</v>
      </c>
      <c r="J36" s="63" t="s">
        <v>275</v>
      </c>
      <c r="K36" s="85" t="s">
        <v>88</v>
      </c>
      <c r="L36" s="63" t="s">
        <v>276</v>
      </c>
      <c r="M36" s="85" t="s">
        <v>88</v>
      </c>
      <c r="N36" s="63" t="s">
        <v>277</v>
      </c>
      <c r="O36" s="85" t="s">
        <v>88</v>
      </c>
      <c r="P36" s="63" t="s">
        <v>454</v>
      </c>
      <c r="Q36" s="85" t="s">
        <v>88</v>
      </c>
    </row>
    <row r="37" spans="1:45">
      <c r="A37" s="40" t="s">
        <v>350</v>
      </c>
      <c r="B37" s="117">
        <v>12826</v>
      </c>
      <c r="C37" s="118">
        <v>0.39013594225533765</v>
      </c>
      <c r="D37" s="89">
        <v>8.6128728508205275E-3</v>
      </c>
      <c r="E37" s="118">
        <v>0.39765529260872923</v>
      </c>
      <c r="F37" s="89">
        <v>8.6416867646339837E-3</v>
      </c>
      <c r="G37" s="118">
        <v>0.21220876513595732</v>
      </c>
      <c r="H37" s="89">
        <v>7.2205612906470363E-3</v>
      </c>
      <c r="I37" s="119">
        <v>13248</v>
      </c>
      <c r="J37" s="118">
        <v>8.6136148489609266E-2</v>
      </c>
      <c r="K37" s="89">
        <v>4.8776177899403084E-3</v>
      </c>
      <c r="L37" s="118">
        <v>0.36389344524439077</v>
      </c>
      <c r="M37" s="89">
        <v>8.358951838977384E-3</v>
      </c>
      <c r="N37" s="118">
        <v>0.41575309974401586</v>
      </c>
      <c r="O37" s="89">
        <v>8.5626672652034455E-3</v>
      </c>
      <c r="P37" s="118">
        <v>0.13421730652200231</v>
      </c>
      <c r="Q37" s="89">
        <v>5.9244610991499537E-3</v>
      </c>
    </row>
    <row r="38" spans="1:45">
      <c r="A38" s="44" t="s">
        <v>351</v>
      </c>
      <c r="B38" s="44">
        <v>9430</v>
      </c>
      <c r="C38" s="121">
        <v>0.4043696540164739</v>
      </c>
      <c r="D38" s="92">
        <v>1.0105707783584226E-2</v>
      </c>
      <c r="E38" s="121">
        <v>0.40056797631620755</v>
      </c>
      <c r="F38" s="92">
        <v>1.0090152347239631E-2</v>
      </c>
      <c r="G38" s="121">
        <v>0.19506236966732188</v>
      </c>
      <c r="H38" s="92">
        <v>8.161292155039029E-3</v>
      </c>
      <c r="I38" s="44">
        <v>9814</v>
      </c>
      <c r="J38" s="121">
        <v>9.1078975540440338E-2</v>
      </c>
      <c r="K38" s="92">
        <v>5.8122951467587669E-3</v>
      </c>
      <c r="L38" s="121">
        <v>0.35863998213530723</v>
      </c>
      <c r="M38" s="92">
        <v>9.6808645333178039E-3</v>
      </c>
      <c r="N38" s="121">
        <v>0.41783543704047538</v>
      </c>
      <c r="O38" s="92">
        <v>9.9551752429515861E-3</v>
      </c>
      <c r="P38" s="121">
        <v>0.13244560528377944</v>
      </c>
      <c r="Q38" s="92">
        <v>6.8453160618524248E-3</v>
      </c>
    </row>
    <row r="39" spans="1:45">
      <c r="A39" s="40" t="s">
        <v>352</v>
      </c>
      <c r="B39" s="48">
        <v>3396</v>
      </c>
      <c r="C39" s="118">
        <v>0.37826662069572459</v>
      </c>
      <c r="D39" s="89">
        <v>1.6635038574700226E-2</v>
      </c>
      <c r="E39" s="118">
        <v>0.39522644059136169</v>
      </c>
      <c r="F39" s="89">
        <v>1.6770012293092443E-2</v>
      </c>
      <c r="G39" s="118">
        <v>0.226506938712913</v>
      </c>
      <c r="H39" s="89">
        <v>1.4364066205567778E-2</v>
      </c>
      <c r="I39" s="48">
        <v>3434</v>
      </c>
      <c r="J39" s="118">
        <v>8.1964834065367226E-2</v>
      </c>
      <c r="K39" s="89">
        <v>9.3818858774779128E-3</v>
      </c>
      <c r="L39" s="118">
        <v>0.36832690937710238</v>
      </c>
      <c r="M39" s="89">
        <v>1.6454231396449841E-2</v>
      </c>
      <c r="N39" s="118">
        <v>0.41399578889506777</v>
      </c>
      <c r="O39" s="89">
        <v>1.6801218734391991E-2</v>
      </c>
      <c r="P39" s="118">
        <v>0.13571246766246228</v>
      </c>
      <c r="Q39" s="89">
        <v>1.1697327494316968E-2</v>
      </c>
    </row>
    <row r="40" spans="1:45">
      <c r="A40" s="44" t="s">
        <v>534</v>
      </c>
      <c r="B40" s="44">
        <v>1746</v>
      </c>
      <c r="C40" s="121">
        <v>0.39610767984454492</v>
      </c>
      <c r="D40" s="92">
        <v>2.3385254042805885E-2</v>
      </c>
      <c r="E40" s="121">
        <v>0.41002332237871897</v>
      </c>
      <c r="F40" s="92">
        <v>2.3516130127248049E-2</v>
      </c>
      <c r="G40" s="121">
        <v>0.19386899777673716</v>
      </c>
      <c r="H40" s="92">
        <v>1.8926126264548138E-2</v>
      </c>
      <c r="I40" s="44">
        <v>1795</v>
      </c>
      <c r="J40" s="121">
        <v>0.11076886789157508</v>
      </c>
      <c r="K40" s="92">
        <v>1.4849408109888048E-2</v>
      </c>
      <c r="L40" s="121">
        <v>0.38224621386574964</v>
      </c>
      <c r="M40" s="92">
        <v>2.2916608764009559E-2</v>
      </c>
      <c r="N40" s="121">
        <v>0.40093946922463802</v>
      </c>
      <c r="O40" s="92">
        <v>2.311152362335948E-2</v>
      </c>
      <c r="P40" s="121">
        <v>0.10604544901803793</v>
      </c>
      <c r="Q40" s="92">
        <v>1.4571073747738965E-2</v>
      </c>
    </row>
    <row r="41" spans="1:45">
      <c r="A41" s="40" t="s">
        <v>535</v>
      </c>
      <c r="B41" s="48">
        <v>1429</v>
      </c>
      <c r="C41" s="118">
        <v>0.40549705835263744</v>
      </c>
      <c r="D41" s="89">
        <v>2.5943143716582392E-2</v>
      </c>
      <c r="E41" s="118">
        <v>0.42161743993890965</v>
      </c>
      <c r="F41" s="89">
        <v>2.6091814134750282E-2</v>
      </c>
      <c r="G41" s="118">
        <v>0.17288550170845327</v>
      </c>
      <c r="H41" s="89">
        <v>2.0020411164452724E-2</v>
      </c>
      <c r="I41" s="48">
        <v>1474</v>
      </c>
      <c r="J41" s="118">
        <v>0.11768565929178421</v>
      </c>
      <c r="K41" s="89">
        <v>1.6827213967160179E-2</v>
      </c>
      <c r="L41" s="118">
        <v>0.38837724800060569</v>
      </c>
      <c r="M41" s="89">
        <v>2.5358469799237015E-2</v>
      </c>
      <c r="N41" s="118">
        <v>0.39722440904036155</v>
      </c>
      <c r="O41" s="89">
        <v>2.54589416665768E-2</v>
      </c>
      <c r="P41" s="118">
        <v>9.6712683667248986E-2</v>
      </c>
      <c r="Q41" s="89">
        <v>1.5453319429653738E-2</v>
      </c>
    </row>
    <row r="42" spans="1:45">
      <c r="A42" s="44" t="s">
        <v>546</v>
      </c>
      <c r="B42" s="44">
        <v>321</v>
      </c>
      <c r="C42" s="121">
        <v>0.37224769374055638</v>
      </c>
      <c r="D42" s="92">
        <v>5.3674645511324712E-2</v>
      </c>
      <c r="E42" s="121">
        <v>0.36774522824369482</v>
      </c>
      <c r="F42" s="92">
        <v>5.354355023521274E-2</v>
      </c>
      <c r="G42" s="121">
        <v>0.26000707801574857</v>
      </c>
      <c r="H42" s="92">
        <v>4.8840391257879257E-2</v>
      </c>
      <c r="I42" s="44">
        <v>325</v>
      </c>
      <c r="J42" s="121">
        <v>9.8143260679757219E-2</v>
      </c>
      <c r="K42" s="92">
        <v>3.351977510720236E-2</v>
      </c>
      <c r="L42" s="121">
        <v>0.35783557253651382</v>
      </c>
      <c r="M42" s="92">
        <v>5.2912468205743544E-2</v>
      </c>
      <c r="N42" s="121">
        <v>0.40858673394010908</v>
      </c>
      <c r="O42" s="92">
        <v>5.422519455460139E-2</v>
      </c>
      <c r="P42" s="121">
        <v>0.13543443284361983</v>
      </c>
      <c r="Q42" s="92">
        <v>3.8244789502465293E-2</v>
      </c>
    </row>
    <row r="43" spans="1:45">
      <c r="A43" s="40" t="s">
        <v>536</v>
      </c>
      <c r="B43" s="48">
        <v>279</v>
      </c>
      <c r="C43" s="118">
        <v>0.42923703454764917</v>
      </c>
      <c r="D43" s="89">
        <v>5.8862378179552755E-2</v>
      </c>
      <c r="E43" s="118">
        <v>0.40102265777916601</v>
      </c>
      <c r="F43" s="89">
        <v>5.8300847852421581E-2</v>
      </c>
      <c r="G43" s="118">
        <v>0.16974030767318415</v>
      </c>
      <c r="H43" s="89">
        <v>4.5113134243802491E-2</v>
      </c>
      <c r="I43" s="48">
        <v>289</v>
      </c>
      <c r="J43" s="118">
        <v>0.10322054870011678</v>
      </c>
      <c r="K43" s="89">
        <v>3.6359085675602636E-2</v>
      </c>
      <c r="L43" s="118">
        <v>0.35486276604731926</v>
      </c>
      <c r="M43" s="89">
        <v>5.5974934172028104E-2</v>
      </c>
      <c r="N43" s="118">
        <v>0.42513732622105194</v>
      </c>
      <c r="O43" s="89">
        <v>5.7780041579656889E-2</v>
      </c>
      <c r="P43" s="118">
        <v>0.11677935903150985</v>
      </c>
      <c r="Q43" s="89">
        <v>3.8241971870989371E-2</v>
      </c>
    </row>
    <row r="44" spans="1:45">
      <c r="A44" s="44" t="s">
        <v>537</v>
      </c>
      <c r="B44" s="44">
        <v>81</v>
      </c>
      <c r="C44" s="121">
        <v>0.39184938992472323</v>
      </c>
      <c r="D44" s="92">
        <v>0.10613607144669776</v>
      </c>
      <c r="E44" s="121">
        <v>0.39039008220771321</v>
      </c>
      <c r="F44" s="92">
        <v>0.10607207774477909</v>
      </c>
      <c r="G44" s="121">
        <v>0.21776052786756339</v>
      </c>
      <c r="H44" s="92">
        <v>9.1436072567024573E-2</v>
      </c>
      <c r="I44" s="44">
        <v>83</v>
      </c>
      <c r="J44" s="121">
        <v>5.3462578011219591E-2</v>
      </c>
      <c r="K44" s="92">
        <v>5.6127140190733019E-2</v>
      </c>
      <c r="L44" s="121">
        <v>0.39485661715736348</v>
      </c>
      <c r="M44" s="92">
        <v>0.10503159098460238</v>
      </c>
      <c r="N44" s="121">
        <v>0.37920971294112205</v>
      </c>
      <c r="O44" s="92">
        <v>0.10432497866449947</v>
      </c>
      <c r="P44" s="121">
        <v>0.17247109189029464</v>
      </c>
      <c r="Q44" s="92">
        <v>8.3696889290009499E-2</v>
      </c>
    </row>
    <row r="45" spans="1:45">
      <c r="A45" s="40" t="s">
        <v>538</v>
      </c>
      <c r="B45" s="48">
        <v>85</v>
      </c>
      <c r="C45" s="118">
        <v>0.57974987499752684</v>
      </c>
      <c r="D45" s="89">
        <v>0.10476271738160316</v>
      </c>
      <c r="E45" s="118">
        <v>0.30898832892679151</v>
      </c>
      <c r="F45" s="89">
        <v>9.8692675774443586E-2</v>
      </c>
      <c r="G45" s="118">
        <v>0.11126179607568172</v>
      </c>
      <c r="H45" s="89">
        <v>7.0999587090823796E-2</v>
      </c>
      <c r="I45" s="48">
        <v>88</v>
      </c>
      <c r="J45" s="118">
        <v>0.11898141935134551</v>
      </c>
      <c r="K45" s="89">
        <v>7.1376020470944213E-2</v>
      </c>
      <c r="L45" s="118">
        <v>0.38715670574117844</v>
      </c>
      <c r="M45" s="89">
        <v>0.10179894724815688</v>
      </c>
      <c r="N45" s="118">
        <v>0.42746475445228499</v>
      </c>
      <c r="O45" s="89">
        <v>0.10324858184425072</v>
      </c>
      <c r="P45" s="118">
        <v>6.6397120455191083E-2</v>
      </c>
      <c r="Q45" s="89">
        <v>5.8228170393466547E-2</v>
      </c>
    </row>
    <row r="46" spans="1:45">
      <c r="A46" s="44" t="s">
        <v>539</v>
      </c>
      <c r="B46" s="44">
        <v>96</v>
      </c>
      <c r="C46" s="121">
        <v>0.34775185820579635</v>
      </c>
      <c r="D46" s="92">
        <v>9.5632165270876812E-2</v>
      </c>
      <c r="E46" s="121">
        <v>0.46247994909408324</v>
      </c>
      <c r="F46" s="92">
        <v>9.9740185223582578E-2</v>
      </c>
      <c r="G46" s="121">
        <v>0.18976819270012107</v>
      </c>
      <c r="H46" s="92">
        <v>8.0324775167186835E-2</v>
      </c>
      <c r="I46" s="44">
        <v>99</v>
      </c>
      <c r="J46" s="121">
        <v>9.6134747952433819E-2</v>
      </c>
      <c r="K46" s="92">
        <v>6.2104010300919596E-2</v>
      </c>
      <c r="L46" s="121">
        <v>0.32478731077510115</v>
      </c>
      <c r="M46" s="92">
        <v>9.2775674777064943E-2</v>
      </c>
      <c r="N46" s="121">
        <v>0.45690162303816306</v>
      </c>
      <c r="O46" s="92">
        <v>9.8194180136281409E-2</v>
      </c>
      <c r="P46" s="121">
        <v>0.12217631823430258</v>
      </c>
      <c r="Q46" s="92">
        <v>6.7729161140982735E-2</v>
      </c>
    </row>
    <row r="47" spans="1:45">
      <c r="A47" s="40" t="s">
        <v>540</v>
      </c>
      <c r="B47" s="117">
        <v>104</v>
      </c>
      <c r="C47" s="118">
        <v>0.4227924759862971</v>
      </c>
      <c r="D47" s="89">
        <v>9.515530715717628E-2</v>
      </c>
      <c r="E47" s="118">
        <v>0.39323907734371594</v>
      </c>
      <c r="F47" s="89">
        <v>9.4169028271452196E-2</v>
      </c>
      <c r="G47" s="118">
        <v>0.18396844666998688</v>
      </c>
      <c r="H47" s="89">
        <v>7.6348438884082381E-2</v>
      </c>
      <c r="I47" s="119">
        <v>109</v>
      </c>
      <c r="J47" s="118">
        <v>0.10312709835223073</v>
      </c>
      <c r="K47" s="89">
        <v>6.0512721622308356E-2</v>
      </c>
      <c r="L47" s="118">
        <v>0.36893395029620862</v>
      </c>
      <c r="M47" s="89">
        <v>9.1015184786515407E-2</v>
      </c>
      <c r="N47" s="118">
        <v>0.42267427573484995</v>
      </c>
      <c r="O47" s="89">
        <v>9.3019467202208217E-2</v>
      </c>
      <c r="P47" s="118">
        <v>0.1052646756167106</v>
      </c>
      <c r="Q47" s="89">
        <v>6.0971486277074667E-2</v>
      </c>
    </row>
    <row r="48" spans="1:45">
      <c r="A48" s="44" t="s">
        <v>541</v>
      </c>
      <c r="B48" s="120">
        <v>101</v>
      </c>
      <c r="C48" s="121">
        <v>0.33533263733826035</v>
      </c>
      <c r="D48" s="92">
        <v>9.256374674573796E-2</v>
      </c>
      <c r="E48" s="121">
        <v>0.43055912757581666</v>
      </c>
      <c r="F48" s="92">
        <v>9.6715264053078592E-2</v>
      </c>
      <c r="G48" s="121">
        <v>0.23410823508592216</v>
      </c>
      <c r="H48" s="92">
        <v>8.3856002551054756E-2</v>
      </c>
      <c r="I48" s="122">
        <v>105</v>
      </c>
      <c r="J48" s="121">
        <v>4.7422272230275099E-2</v>
      </c>
      <c r="K48" s="92">
        <v>4.6896609973246899E-2</v>
      </c>
      <c r="L48" s="121">
        <v>0.4687328120921771</v>
      </c>
      <c r="M48" s="92">
        <v>9.5608682490353938E-2</v>
      </c>
      <c r="N48" s="121">
        <v>0.397343698372844</v>
      </c>
      <c r="O48" s="92">
        <v>9.3890614926440602E-2</v>
      </c>
      <c r="P48" s="121">
        <v>8.650121730470324E-2</v>
      </c>
      <c r="Q48" s="92">
        <v>5.7895058621724456E-2</v>
      </c>
    </row>
    <row r="49" spans="1:17">
      <c r="A49" s="40" t="s">
        <v>542</v>
      </c>
      <c r="B49" s="78">
        <v>158</v>
      </c>
      <c r="C49" s="93">
        <v>0.37291261969568801</v>
      </c>
      <c r="D49" s="89">
        <v>7.611501063945364E-2</v>
      </c>
      <c r="E49" s="93">
        <v>0.42929704263029728</v>
      </c>
      <c r="F49" s="89">
        <v>7.7816641692207811E-2</v>
      </c>
      <c r="G49" s="93">
        <v>0.19779033767401391</v>
      </c>
      <c r="H49" s="89">
        <v>6.3464541686128986E-2</v>
      </c>
      <c r="I49" s="78">
        <v>164</v>
      </c>
      <c r="J49" s="93">
        <v>7.6407672624882239E-2</v>
      </c>
      <c r="K49" s="89">
        <v>4.3373277336793026E-2</v>
      </c>
      <c r="L49" s="93">
        <v>0.41419679012244531</v>
      </c>
      <c r="M49" s="89">
        <v>7.6061412548494092E-2</v>
      </c>
      <c r="N49" s="93">
        <v>0.41028630456202264</v>
      </c>
      <c r="O49" s="89">
        <v>7.5958973000838523E-2</v>
      </c>
      <c r="P49" s="93">
        <v>9.9109232690648905E-2</v>
      </c>
      <c r="Q49" s="89">
        <v>4.801996229452965E-2</v>
      </c>
    </row>
    <row r="50" spans="1:17">
      <c r="A50" s="44" t="s">
        <v>547</v>
      </c>
      <c r="B50" s="120">
        <v>62</v>
      </c>
      <c r="C50" s="121">
        <v>0.38203004994783624</v>
      </c>
      <c r="D50" s="92">
        <v>0.12003001413429408</v>
      </c>
      <c r="E50" s="121">
        <v>0.38923684256749952</v>
      </c>
      <c r="F50" s="92">
        <v>0.12039670482896811</v>
      </c>
      <c r="G50" s="121">
        <v>0.22873310748466427</v>
      </c>
      <c r="H50" s="92">
        <v>0.10590546606420516</v>
      </c>
      <c r="I50" s="122">
        <v>64</v>
      </c>
      <c r="J50" s="121">
        <v>5.218691344852202E-2</v>
      </c>
      <c r="K50" s="92">
        <v>6.5242569064323158E-2</v>
      </c>
      <c r="L50" s="121">
        <v>0.44301104759166887</v>
      </c>
      <c r="M50" s="92">
        <v>0.12056804488047297</v>
      </c>
      <c r="N50" s="121">
        <v>0.37949347815145129</v>
      </c>
      <c r="O50" s="92">
        <v>0.1181067262362292</v>
      </c>
      <c r="P50" s="121">
        <v>0.12530856080835773</v>
      </c>
      <c r="Q50" s="92">
        <v>8.5967653639720434E-2</v>
      </c>
    </row>
    <row r="51" spans="1:17">
      <c r="A51" s="52" t="s">
        <v>548</v>
      </c>
      <c r="B51" s="117">
        <v>114</v>
      </c>
      <c r="C51" s="118">
        <v>0.33116261404957997</v>
      </c>
      <c r="D51" s="89">
        <v>8.7021095311564517E-2</v>
      </c>
      <c r="E51" s="118">
        <v>0.43778242109453019</v>
      </c>
      <c r="F51" s="89">
        <v>9.1389827571341842E-2</v>
      </c>
      <c r="G51" s="118">
        <v>0.23105496485588975</v>
      </c>
      <c r="H51" s="89">
        <v>7.8651619370162379E-2</v>
      </c>
      <c r="I51" s="119">
        <v>115</v>
      </c>
      <c r="J51" s="118">
        <v>0.12025356769596637</v>
      </c>
      <c r="K51" s="89">
        <v>6.2261126562239651E-2</v>
      </c>
      <c r="L51" s="118">
        <v>0.35574571904386693</v>
      </c>
      <c r="M51" s="89">
        <v>8.8034778293905699E-2</v>
      </c>
      <c r="N51" s="118">
        <v>0.38605992095736669</v>
      </c>
      <c r="O51" s="89">
        <v>8.9419369355189612E-2</v>
      </c>
      <c r="P51" s="118">
        <v>0.13794079230279985</v>
      </c>
      <c r="Q51" s="89">
        <v>6.5485281560227745E-2</v>
      </c>
    </row>
    <row r="52" spans="1:17">
      <c r="A52" s="44" t="s">
        <v>549</v>
      </c>
      <c r="B52" s="120">
        <v>91</v>
      </c>
      <c r="C52" s="121">
        <v>0.36418667768892243</v>
      </c>
      <c r="D52" s="92">
        <v>9.9064110166947827E-2</v>
      </c>
      <c r="E52" s="121">
        <v>0.48352190582816751</v>
      </c>
      <c r="F52" s="92">
        <v>0.10254669930072091</v>
      </c>
      <c r="G52" s="121">
        <v>0.15229141648291092</v>
      </c>
      <c r="H52" s="92">
        <v>7.6520533033401589E-2</v>
      </c>
      <c r="I52" s="122">
        <v>98</v>
      </c>
      <c r="J52" s="121">
        <v>0.13337938779674244</v>
      </c>
      <c r="K52" s="92">
        <v>7.0272476454688731E-2</v>
      </c>
      <c r="L52" s="121">
        <v>0.39274664882035593</v>
      </c>
      <c r="M52" s="92">
        <v>9.6889111117113999E-2</v>
      </c>
      <c r="N52" s="121">
        <v>0.38364712433871034</v>
      </c>
      <c r="O52" s="92">
        <v>9.6508252602931249E-2</v>
      </c>
      <c r="P52" s="121">
        <v>9.0226839044192403E-2</v>
      </c>
      <c r="Q52" s="92">
        <v>6.1035976365965611E-2</v>
      </c>
    </row>
    <row r="53" spans="1:17">
      <c r="A53" s="52" t="s">
        <v>550</v>
      </c>
      <c r="B53" s="117">
        <v>129</v>
      </c>
      <c r="C53" s="118">
        <v>0.4171419144035593</v>
      </c>
      <c r="D53" s="89">
        <v>8.5583584938914853E-2</v>
      </c>
      <c r="E53" s="118">
        <v>0.39222277164209046</v>
      </c>
      <c r="F53" s="89">
        <v>8.4794712711986395E-2</v>
      </c>
      <c r="G53" s="118">
        <v>0.19063531395435024</v>
      </c>
      <c r="H53" s="89">
        <v>6.9360929255646783E-2</v>
      </c>
      <c r="I53" s="119">
        <v>129</v>
      </c>
      <c r="J53" s="118">
        <v>0.11604137081107951</v>
      </c>
      <c r="K53" s="89">
        <v>5.7859057726421428E-2</v>
      </c>
      <c r="L53" s="118">
        <v>0.4359511099234743</v>
      </c>
      <c r="M53" s="89">
        <v>8.6039120603249447E-2</v>
      </c>
      <c r="N53" s="118">
        <v>0.39540722921076626</v>
      </c>
      <c r="O53" s="89">
        <v>8.4907465088694692E-2</v>
      </c>
      <c r="P53" s="118">
        <v>5.2600290054679845E-2</v>
      </c>
      <c r="Q53" s="89">
        <v>4.3074523917095056E-2</v>
      </c>
    </row>
    <row r="54" spans="1:17">
      <c r="A54" s="44" t="s">
        <v>551</v>
      </c>
      <c r="B54" s="120">
        <v>114</v>
      </c>
      <c r="C54" s="121">
        <v>0.41638651727546566</v>
      </c>
      <c r="D54" s="92">
        <v>9.0848119217877665E-2</v>
      </c>
      <c r="E54" s="121">
        <v>0.42282943892684721</v>
      </c>
      <c r="F54" s="92">
        <v>9.1028326779488661E-2</v>
      </c>
      <c r="G54" s="121">
        <v>0.16078404379768629</v>
      </c>
      <c r="H54" s="92">
        <v>6.9526606457691875E-2</v>
      </c>
      <c r="I54" s="122">
        <v>116</v>
      </c>
      <c r="J54" s="121">
        <v>0.17618677342965486</v>
      </c>
      <c r="K54" s="92">
        <v>7.1184928753604201E-2</v>
      </c>
      <c r="L54" s="121">
        <v>0.39397883789657889</v>
      </c>
      <c r="M54" s="92">
        <v>8.934882755135086E-2</v>
      </c>
      <c r="N54" s="121">
        <v>0.34849064628132786</v>
      </c>
      <c r="O54" s="92">
        <v>8.7283016491854007E-2</v>
      </c>
      <c r="P54" s="121">
        <v>8.1343742392437732E-2</v>
      </c>
      <c r="Q54" s="92">
        <v>5.3608786879761505E-2</v>
      </c>
    </row>
    <row r="55" spans="1:17">
      <c r="A55" s="52" t="s">
        <v>543</v>
      </c>
      <c r="B55" s="117">
        <v>158</v>
      </c>
      <c r="C55" s="118">
        <v>0.39461296436656296</v>
      </c>
      <c r="D55" s="89">
        <v>7.688941346730245E-2</v>
      </c>
      <c r="E55" s="118">
        <v>0.46855991372901895</v>
      </c>
      <c r="F55" s="89">
        <v>7.8419532102568731E-2</v>
      </c>
      <c r="G55" s="118">
        <v>0.13682712190441773</v>
      </c>
      <c r="H55" s="89">
        <v>5.5452873988647594E-2</v>
      </c>
      <c r="I55" s="119">
        <v>161</v>
      </c>
      <c r="J55" s="118">
        <v>6.8007127427490252E-2</v>
      </c>
      <c r="K55" s="89">
        <v>4.1871555815883379E-2</v>
      </c>
      <c r="L55" s="118">
        <v>0.33603923070040503</v>
      </c>
      <c r="M55" s="89">
        <v>7.3757093828930406E-2</v>
      </c>
      <c r="N55" s="118">
        <v>0.4684475429592897</v>
      </c>
      <c r="O55" s="89">
        <v>7.7702170606881366E-2</v>
      </c>
      <c r="P55" s="118">
        <v>0.12750609891281445</v>
      </c>
      <c r="Q55" s="89">
        <v>5.3460629616755018E-2</v>
      </c>
    </row>
    <row r="56" spans="1:17">
      <c r="A56" s="44" t="s">
        <v>544</v>
      </c>
      <c r="B56" s="120">
        <v>47</v>
      </c>
      <c r="C56" s="121">
        <v>0.48701427883252202</v>
      </c>
      <c r="D56" s="92">
        <v>0.13998789452670468</v>
      </c>
      <c r="E56" s="121">
        <v>0.34808364267113573</v>
      </c>
      <c r="F56" s="92">
        <v>0.13442677788301616</v>
      </c>
      <c r="G56" s="121">
        <v>0.16490207849634195</v>
      </c>
      <c r="H56" s="92">
        <v>0.11012749970102696</v>
      </c>
      <c r="I56" s="122">
        <v>48</v>
      </c>
      <c r="J56" s="121">
        <v>3.9267477399842238E-2</v>
      </c>
      <c r="K56" s="92">
        <v>7.292097385759562E-2</v>
      </c>
      <c r="L56" s="121">
        <v>0.26286266229654859</v>
      </c>
      <c r="M56" s="92">
        <v>0.12467944726623079</v>
      </c>
      <c r="N56" s="121">
        <v>0.45703385945480457</v>
      </c>
      <c r="O56" s="92">
        <v>0.13823808917669964</v>
      </c>
      <c r="P56" s="121">
        <v>0.24083600084880438</v>
      </c>
      <c r="Q56" s="92">
        <v>0.12177211287847695</v>
      </c>
    </row>
    <row r="57" spans="1:17">
      <c r="A57" s="52" t="s">
        <v>552</v>
      </c>
      <c r="B57" s="117">
        <v>111</v>
      </c>
      <c r="C57" s="118">
        <v>0.35443703296976387</v>
      </c>
      <c r="D57" s="89">
        <v>8.9493215880184829E-2</v>
      </c>
      <c r="E57" s="118">
        <v>0.52094278759762402</v>
      </c>
      <c r="F57" s="89">
        <v>9.3174241699823843E-2</v>
      </c>
      <c r="G57" s="118">
        <v>0.12462017943261136</v>
      </c>
      <c r="H57" s="89">
        <v>6.4260867429174043E-2</v>
      </c>
      <c r="I57" s="119">
        <v>113</v>
      </c>
      <c r="J57" s="118">
        <v>8.0552243488676525E-2</v>
      </c>
      <c r="K57" s="89">
        <v>5.4187954623555842E-2</v>
      </c>
      <c r="L57" s="118">
        <v>0.3679814618236989</v>
      </c>
      <c r="M57" s="89">
        <v>8.9393484071007098E-2</v>
      </c>
      <c r="N57" s="118">
        <v>0.47342971859857774</v>
      </c>
      <c r="O57" s="89">
        <v>9.2328189638907154E-2</v>
      </c>
      <c r="P57" s="118">
        <v>7.8036576089046142E-2</v>
      </c>
      <c r="Q57" s="89">
        <v>5.3561476649040214E-2</v>
      </c>
    </row>
    <row r="58" spans="1:17">
      <c r="A58" s="44" t="s">
        <v>545</v>
      </c>
      <c r="B58" s="120">
        <v>177</v>
      </c>
      <c r="C58" s="121">
        <v>0.60149669110023829</v>
      </c>
      <c r="D58" s="92">
        <v>7.2850214746020492E-2</v>
      </c>
      <c r="E58" s="121">
        <v>0.36368768405854657</v>
      </c>
      <c r="F58" s="92">
        <v>7.1639234223209156E-2</v>
      </c>
      <c r="G58" s="121">
        <v>3.4815624841214338E-2</v>
      </c>
      <c r="H58" s="92">
        <v>3.0848873648010193E-2</v>
      </c>
      <c r="I58" s="122">
        <v>184</v>
      </c>
      <c r="J58" s="121">
        <v>0.18033310417263665</v>
      </c>
      <c r="K58" s="92">
        <v>5.6890188383002173E-2</v>
      </c>
      <c r="L58" s="121">
        <v>0.39360329634418689</v>
      </c>
      <c r="M58" s="92">
        <v>7.1333249979376623E-2</v>
      </c>
      <c r="N58" s="121">
        <v>0.36598475203988584</v>
      </c>
      <c r="O58" s="92">
        <v>7.037831537213389E-2</v>
      </c>
      <c r="P58" s="121">
        <v>6.0078847443289757E-2</v>
      </c>
      <c r="Q58" s="92">
        <v>3.7078730218192316E-2</v>
      </c>
    </row>
    <row r="61" spans="1:17" ht="18.75">
      <c r="A61" s="337" t="s">
        <v>35</v>
      </c>
      <c r="B61" s="337"/>
      <c r="C61" s="337"/>
      <c r="D61" s="337"/>
      <c r="E61" s="337"/>
      <c r="F61" s="337"/>
      <c r="G61" s="337"/>
      <c r="H61" s="337"/>
      <c r="I61" s="337"/>
      <c r="J61" s="337"/>
      <c r="K61" s="337"/>
      <c r="L61" s="337"/>
      <c r="M61" s="337"/>
      <c r="N61" s="337"/>
      <c r="O61" s="337"/>
      <c r="P61" s="337"/>
    </row>
    <row r="62" spans="1:17" ht="88.5" customHeight="1">
      <c r="A62" s="389" t="s">
        <v>586</v>
      </c>
      <c r="B62" s="389"/>
      <c r="C62" s="389"/>
      <c r="D62" s="389"/>
      <c r="E62" s="389"/>
      <c r="F62" s="389"/>
      <c r="G62" s="389"/>
      <c r="H62" s="389"/>
      <c r="I62" s="389"/>
      <c r="J62" s="389"/>
      <c r="K62" s="389"/>
      <c r="L62" s="389"/>
      <c r="M62" s="389"/>
      <c r="N62" s="389"/>
      <c r="O62" s="389"/>
      <c r="P62" s="389"/>
    </row>
    <row r="63" spans="1:17" ht="42" customHeight="1">
      <c r="A63" s="104"/>
      <c r="B63" s="387" t="s">
        <v>330</v>
      </c>
      <c r="C63" s="388"/>
      <c r="D63" s="388"/>
      <c r="E63" s="388"/>
      <c r="F63" s="388"/>
      <c r="G63" s="388"/>
      <c r="H63" s="388"/>
      <c r="I63" s="387" t="s">
        <v>479</v>
      </c>
      <c r="J63" s="388"/>
      <c r="K63" s="387" t="s">
        <v>483</v>
      </c>
      <c r="L63" s="388"/>
      <c r="M63" s="387" t="s">
        <v>484</v>
      </c>
      <c r="N63" s="388"/>
      <c r="O63" s="387" t="s">
        <v>485</v>
      </c>
      <c r="P63" s="388"/>
    </row>
    <row r="64" spans="1:17" ht="39" customHeight="1">
      <c r="A64" s="32" t="s">
        <v>71</v>
      </c>
      <c r="B64" s="33" t="s">
        <v>72</v>
      </c>
      <c r="C64" s="33" t="s">
        <v>194</v>
      </c>
      <c r="D64" s="84" t="s">
        <v>113</v>
      </c>
      <c r="E64" s="33" t="s">
        <v>195</v>
      </c>
      <c r="F64" s="84" t="s">
        <v>278</v>
      </c>
      <c r="G64" s="33" t="s">
        <v>196</v>
      </c>
      <c r="H64" s="84" t="s">
        <v>279</v>
      </c>
      <c r="I64" s="60" t="s">
        <v>480</v>
      </c>
      <c r="J64" s="83" t="s">
        <v>482</v>
      </c>
      <c r="K64" s="60" t="s">
        <v>486</v>
      </c>
      <c r="L64" s="83" t="s">
        <v>487</v>
      </c>
      <c r="M64" s="60" t="s">
        <v>488</v>
      </c>
      <c r="N64" s="83" t="s">
        <v>489</v>
      </c>
      <c r="O64" s="60" t="s">
        <v>490</v>
      </c>
      <c r="P64" s="83" t="s">
        <v>491</v>
      </c>
    </row>
    <row r="65" spans="1:16" ht="60">
      <c r="A65" s="36"/>
      <c r="B65" s="37" t="s">
        <v>74</v>
      </c>
      <c r="C65" s="123" t="s">
        <v>178</v>
      </c>
      <c r="D65" s="86" t="s">
        <v>88</v>
      </c>
      <c r="E65" s="37" t="s">
        <v>191</v>
      </c>
      <c r="F65" s="86" t="s">
        <v>88</v>
      </c>
      <c r="G65" s="37" t="s">
        <v>192</v>
      </c>
      <c r="H65" s="86" t="s">
        <v>88</v>
      </c>
      <c r="I65" s="254" t="s">
        <v>481</v>
      </c>
      <c r="J65" s="85" t="s">
        <v>88</v>
      </c>
      <c r="K65" s="254" t="s">
        <v>481</v>
      </c>
      <c r="L65" s="85" t="s">
        <v>88</v>
      </c>
      <c r="M65" s="254" t="s">
        <v>481</v>
      </c>
      <c r="N65" s="85" t="s">
        <v>88</v>
      </c>
      <c r="O65" s="254" t="s">
        <v>481</v>
      </c>
      <c r="P65" s="85" t="s">
        <v>88</v>
      </c>
    </row>
    <row r="66" spans="1:16">
      <c r="A66" s="40" t="s">
        <v>350</v>
      </c>
      <c r="B66" s="124">
        <v>13199</v>
      </c>
      <c r="C66" s="118">
        <v>0.55799105640207791</v>
      </c>
      <c r="D66" s="89">
        <v>8.6441963919450977E-3</v>
      </c>
      <c r="E66" s="118">
        <v>0.22309973786757872</v>
      </c>
      <c r="F66" s="89">
        <v>7.2474301034588561E-3</v>
      </c>
      <c r="G66" s="118">
        <v>0.21890920573036099</v>
      </c>
      <c r="H66" s="89">
        <v>7.1984209206485752E-3</v>
      </c>
      <c r="I66" s="118">
        <v>0.32120433631265499</v>
      </c>
      <c r="J66" s="89">
        <v>8.1278036075746619E-3</v>
      </c>
      <c r="K66" s="118">
        <v>0.21223748272553189</v>
      </c>
      <c r="L66" s="89">
        <v>7.1181564636737622E-3</v>
      </c>
      <c r="M66" s="118">
        <v>0.10145863403891138</v>
      </c>
      <c r="N66" s="89">
        <v>5.2581904512326106E-3</v>
      </c>
      <c r="O66" s="118">
        <v>0.16916473945225585</v>
      </c>
      <c r="P66" s="89">
        <v>6.5269230126620489E-3</v>
      </c>
    </row>
    <row r="67" spans="1:16">
      <c r="A67" s="44" t="s">
        <v>351</v>
      </c>
      <c r="B67" s="44">
        <v>9769</v>
      </c>
      <c r="C67" s="121">
        <v>0.54151838350650428</v>
      </c>
      <c r="D67" s="92">
        <v>1.0080564338579633E-2</v>
      </c>
      <c r="E67" s="121">
        <v>0.21875773141156241</v>
      </c>
      <c r="F67" s="92">
        <v>8.3651330531702914E-3</v>
      </c>
      <c r="G67" s="121">
        <v>0.23972388508193027</v>
      </c>
      <c r="H67" s="92">
        <v>8.6382032719531099E-3</v>
      </c>
      <c r="I67" s="121">
        <v>0.36438203000617198</v>
      </c>
      <c r="J67" s="92">
        <v>9.7365862976547066E-3</v>
      </c>
      <c r="K67" s="121">
        <v>0.22675958426593701</v>
      </c>
      <c r="L67" s="92">
        <v>8.4728946069798604E-3</v>
      </c>
      <c r="M67" s="121">
        <v>9.8407585542624215E-2</v>
      </c>
      <c r="N67" s="92">
        <v>6.0305685919661072E-3</v>
      </c>
      <c r="O67" s="121">
        <v>0.17180607948003523</v>
      </c>
      <c r="P67" s="92">
        <v>7.6337128090536496E-3</v>
      </c>
    </row>
    <row r="68" spans="1:16">
      <c r="A68" s="40" t="s">
        <v>352</v>
      </c>
      <c r="B68" s="48">
        <v>3430</v>
      </c>
      <c r="C68" s="118">
        <v>0.57186925443077541</v>
      </c>
      <c r="D68" s="89">
        <v>1.6887956384368057E-2</v>
      </c>
      <c r="E68" s="118">
        <v>0.22675787069279807</v>
      </c>
      <c r="F68" s="89">
        <v>1.4298285518350605E-2</v>
      </c>
      <c r="G68" s="118">
        <v>0.20137287487642549</v>
      </c>
      <c r="H68" s="89">
        <v>1.3695646425436804E-2</v>
      </c>
      <c r="I68" s="118">
        <v>0.28482720509049392</v>
      </c>
      <c r="J68" s="89">
        <v>1.5407811651176322E-2</v>
      </c>
      <c r="K68" s="118">
        <v>0.20000263764309573</v>
      </c>
      <c r="L68" s="89">
        <v>1.3660801632079013E-2</v>
      </c>
      <c r="M68" s="118">
        <v>0.10402913704683589</v>
      </c>
      <c r="N68" s="89">
        <v>1.0440062991898674E-2</v>
      </c>
      <c r="O68" s="118">
        <v>0.16693941511059252</v>
      </c>
      <c r="P68" s="89">
        <v>1.2739444441949587E-2</v>
      </c>
    </row>
    <row r="69" spans="1:16">
      <c r="A69" s="44" t="s">
        <v>534</v>
      </c>
      <c r="B69" s="44">
        <v>1790</v>
      </c>
      <c r="C69" s="121">
        <v>0.52161544771879043</v>
      </c>
      <c r="D69" s="92">
        <v>2.358763415846029E-2</v>
      </c>
      <c r="E69" s="121">
        <v>0.23466019428775575</v>
      </c>
      <c r="F69" s="92">
        <v>2.0028318640282126E-2</v>
      </c>
      <c r="G69" s="121">
        <v>0.24372435799345626</v>
      </c>
      <c r="H69" s="92">
        <v>2.0288627704959161E-2</v>
      </c>
      <c r="I69" s="121">
        <v>0.36264217132307758</v>
      </c>
      <c r="J69" s="92">
        <v>2.2705367364351227E-2</v>
      </c>
      <c r="K69" s="121">
        <v>0.23212750657796796</v>
      </c>
      <c r="L69" s="92">
        <v>1.99533430837695E-2</v>
      </c>
      <c r="M69" s="121">
        <v>0.10953070253987277</v>
      </c>
      <c r="N69" s="92">
        <v>1.4797997994029021E-2</v>
      </c>
      <c r="O69" s="121">
        <v>0.19110065930168907</v>
      </c>
      <c r="P69" s="92">
        <v>1.8590597404183132E-2</v>
      </c>
    </row>
    <row r="70" spans="1:16">
      <c r="A70" s="40" t="s">
        <v>535</v>
      </c>
      <c r="B70" s="48">
        <v>1469</v>
      </c>
      <c r="C70" s="118">
        <v>0.51220591085944778</v>
      </c>
      <c r="D70" s="89">
        <v>2.6047730161019321E-2</v>
      </c>
      <c r="E70" s="118">
        <v>0.24449830102534592</v>
      </c>
      <c r="F70" s="89">
        <v>2.2418166685880841E-2</v>
      </c>
      <c r="G70" s="118">
        <v>0.24329578811520716</v>
      </c>
      <c r="H70" s="89">
        <v>2.2381033739271017E-2</v>
      </c>
      <c r="I70" s="118">
        <v>0.36739226034856642</v>
      </c>
      <c r="J70" s="89">
        <v>2.5127539572730766E-2</v>
      </c>
      <c r="K70" s="118">
        <v>0.23860140094321636</v>
      </c>
      <c r="L70" s="89">
        <v>2.2233798783824144E-2</v>
      </c>
      <c r="M70" s="118">
        <v>0.10725539230768731</v>
      </c>
      <c r="N70" s="89">
        <v>1.6195368047102445E-2</v>
      </c>
      <c r="O70" s="118">
        <v>0.19292391350773716</v>
      </c>
      <c r="P70" s="89">
        <v>2.0596383826383409E-2</v>
      </c>
    </row>
    <row r="71" spans="1:16">
      <c r="A71" s="44" t="s">
        <v>546</v>
      </c>
      <c r="B71" s="44">
        <v>325</v>
      </c>
      <c r="C71" s="121">
        <v>0.54646833448529697</v>
      </c>
      <c r="D71" s="92">
        <v>5.4898954500191548E-2</v>
      </c>
      <c r="E71" s="121">
        <v>0.20813919986443305</v>
      </c>
      <c r="F71" s="92">
        <v>4.504317338358392E-2</v>
      </c>
      <c r="G71" s="121">
        <v>0.24539246565026981</v>
      </c>
      <c r="H71" s="92">
        <v>4.7648882060299033E-2</v>
      </c>
      <c r="I71" s="121">
        <v>0.34604751779097781</v>
      </c>
      <c r="J71" s="92">
        <v>5.251966830931562E-2</v>
      </c>
      <c r="K71" s="121">
        <v>0.21430493635109493</v>
      </c>
      <c r="L71" s="92">
        <v>4.5509742017945422E-2</v>
      </c>
      <c r="M71" s="121">
        <v>0.1190406177468161</v>
      </c>
      <c r="N71" s="92">
        <v>3.6299579974545026E-2</v>
      </c>
      <c r="O71" s="121">
        <v>0.19105501511302184</v>
      </c>
      <c r="P71" s="92">
        <v>4.3670469150361914E-2</v>
      </c>
    </row>
    <row r="72" spans="1:16">
      <c r="A72" s="40" t="s">
        <v>536</v>
      </c>
      <c r="B72" s="48">
        <v>285</v>
      </c>
      <c r="C72" s="118">
        <v>0.50304904614825408</v>
      </c>
      <c r="D72" s="89">
        <v>5.8822465741470625E-2</v>
      </c>
      <c r="E72" s="118">
        <v>0.24795610724280601</v>
      </c>
      <c r="F72" s="89">
        <v>5.1040416190418915E-2</v>
      </c>
      <c r="G72" s="118">
        <v>0.2489948466089385</v>
      </c>
      <c r="H72" s="89">
        <v>5.1109271282196916E-2</v>
      </c>
      <c r="I72" s="118">
        <v>0.40528215032285225</v>
      </c>
      <c r="J72" s="89">
        <v>5.7787961716133346E-2</v>
      </c>
      <c r="K72" s="118">
        <v>0.21834210029362161</v>
      </c>
      <c r="L72" s="89">
        <v>4.8911989145583597E-2</v>
      </c>
      <c r="M72" s="118">
        <v>0.10502911499293194</v>
      </c>
      <c r="N72" s="89">
        <v>3.6883152140266447E-2</v>
      </c>
      <c r="O72" s="118">
        <v>0.18722570041557701</v>
      </c>
      <c r="P72" s="89">
        <v>4.6296999946262518E-2</v>
      </c>
    </row>
    <row r="73" spans="1:16">
      <c r="A73" s="44" t="s">
        <v>537</v>
      </c>
      <c r="B73" s="44">
        <v>82</v>
      </c>
      <c r="C73" s="121">
        <v>0.46494485423825621</v>
      </c>
      <c r="D73" s="92">
        <v>0.10759155996486267</v>
      </c>
      <c r="E73" s="121">
        <v>0.24701833127116976</v>
      </c>
      <c r="F73" s="92">
        <v>9.445443971953979E-2</v>
      </c>
      <c r="G73" s="121">
        <v>0.28803681449057378</v>
      </c>
      <c r="H73" s="92">
        <v>9.8631048058730686E-2</v>
      </c>
      <c r="I73" s="121">
        <v>0.44994596390362351</v>
      </c>
      <c r="J73" s="92">
        <v>0.10734041362034945</v>
      </c>
      <c r="K73" s="121">
        <v>0.27091921752797971</v>
      </c>
      <c r="L73" s="92">
        <v>9.6999195070643057E-2</v>
      </c>
      <c r="M73" s="121">
        <v>0.13142847845047331</v>
      </c>
      <c r="N73" s="92">
        <v>7.6704778927829578E-2</v>
      </c>
      <c r="O73" s="121">
        <v>0.18965203785919688</v>
      </c>
      <c r="P73" s="92">
        <v>8.6920277272518373E-2</v>
      </c>
    </row>
    <row r="74" spans="1:16">
      <c r="A74" s="40" t="s">
        <v>538</v>
      </c>
      <c r="B74" s="48">
        <v>87</v>
      </c>
      <c r="C74" s="118">
        <v>0.45669566679588242</v>
      </c>
      <c r="D74" s="89">
        <v>0.1044685072579396</v>
      </c>
      <c r="E74" s="118">
        <v>0.32824985195025536</v>
      </c>
      <c r="F74" s="89">
        <v>9.9014513993811532E-2</v>
      </c>
      <c r="G74" s="118">
        <v>0.21505448125386228</v>
      </c>
      <c r="H74" s="89">
        <v>8.790281929891694E-2</v>
      </c>
      <c r="I74" s="118">
        <v>0.45535844918989027</v>
      </c>
      <c r="J74" s="89">
        <v>0.10444589085400206</v>
      </c>
      <c r="K74" s="118">
        <v>0.20135928107800471</v>
      </c>
      <c r="L74" s="89">
        <v>8.605695869403665E-2</v>
      </c>
      <c r="M74" s="118">
        <v>7.843223030513119E-2</v>
      </c>
      <c r="N74" s="89">
        <v>6.2038952695866789E-2</v>
      </c>
      <c r="O74" s="118">
        <v>0.14230527404031201</v>
      </c>
      <c r="P74" s="89">
        <v>7.6476020144311499E-2</v>
      </c>
    </row>
    <row r="75" spans="1:16">
      <c r="A75" s="44" t="s">
        <v>539</v>
      </c>
      <c r="B75" s="44">
        <v>98</v>
      </c>
      <c r="C75" s="121">
        <v>0.54687426868799871</v>
      </c>
      <c r="D75" s="92">
        <v>9.861228359093345E-2</v>
      </c>
      <c r="E75" s="121">
        <v>0.19235864695887975</v>
      </c>
      <c r="F75" s="92">
        <v>7.9861214222610472E-2</v>
      </c>
      <c r="G75" s="121">
        <v>0.26076708435312207</v>
      </c>
      <c r="H75" s="92">
        <v>8.7932329336609771E-2</v>
      </c>
      <c r="I75" s="121">
        <v>0.34651109653642126</v>
      </c>
      <c r="J75" s="92">
        <v>9.4610176152099518E-2</v>
      </c>
      <c r="K75" s="121">
        <v>0.20661336334170066</v>
      </c>
      <c r="L75" s="92">
        <v>8.1779940229689249E-2</v>
      </c>
      <c r="M75" s="121">
        <v>0.10579365760453296</v>
      </c>
      <c r="N75" s="92">
        <v>6.4640940513798345E-2</v>
      </c>
      <c r="O75" s="121">
        <v>0.23595084794151083</v>
      </c>
      <c r="P75" s="92">
        <v>8.5322734619535767E-2</v>
      </c>
    </row>
    <row r="76" spans="1:16">
      <c r="A76" s="40" t="s">
        <v>540</v>
      </c>
      <c r="B76" s="124">
        <v>109</v>
      </c>
      <c r="C76" s="118">
        <v>0.536933845172474</v>
      </c>
      <c r="D76" s="89">
        <v>9.3832982085192446E-2</v>
      </c>
      <c r="E76" s="118">
        <v>0.22869959494225306</v>
      </c>
      <c r="F76" s="89">
        <v>8.0157976373628009E-2</v>
      </c>
      <c r="G76" s="118">
        <v>0.23436655988527291</v>
      </c>
      <c r="H76" s="89">
        <v>8.0780690279412648E-2</v>
      </c>
      <c r="I76" s="118">
        <v>0.37830276406609714</v>
      </c>
      <c r="J76" s="89">
        <v>9.1442662726631027E-2</v>
      </c>
      <c r="K76" s="118">
        <v>0.27079451392362486</v>
      </c>
      <c r="L76" s="89">
        <v>8.4375544789619616E-2</v>
      </c>
      <c r="M76" s="118">
        <v>0.11659008258386078</v>
      </c>
      <c r="N76" s="89">
        <v>6.3307072641604789E-2</v>
      </c>
      <c r="O76" s="118">
        <v>0.13790576499079449</v>
      </c>
      <c r="P76" s="89">
        <v>6.731402013615953E-2</v>
      </c>
    </row>
    <row r="77" spans="1:16">
      <c r="A77" s="44" t="s">
        <v>541</v>
      </c>
      <c r="B77" s="126">
        <v>105</v>
      </c>
      <c r="C77" s="121">
        <v>0.52435229777980985</v>
      </c>
      <c r="D77" s="92">
        <v>9.5677150632146504E-2</v>
      </c>
      <c r="E77" s="121">
        <v>0.27638841465318081</v>
      </c>
      <c r="F77" s="92">
        <v>8.6438269542625706E-2</v>
      </c>
      <c r="G77" s="121">
        <v>0.19925928756700861</v>
      </c>
      <c r="H77" s="92">
        <v>7.8066399897213493E-2</v>
      </c>
      <c r="I77" s="121">
        <v>0.39845187373098062</v>
      </c>
      <c r="J77" s="92">
        <v>9.3931643430382822E-2</v>
      </c>
      <c r="K77" s="121">
        <v>0.21838460587502728</v>
      </c>
      <c r="L77" s="92">
        <v>8.0458931763935079E-2</v>
      </c>
      <c r="M77" s="121">
        <v>7.0572673952663936E-2</v>
      </c>
      <c r="N77" s="92">
        <v>5.38016579495047E-2</v>
      </c>
      <c r="O77" s="121">
        <v>0.13529437374054487</v>
      </c>
      <c r="P77" s="92">
        <v>6.815333467776287E-2</v>
      </c>
    </row>
    <row r="78" spans="1:16">
      <c r="A78" s="40" t="s">
        <v>542</v>
      </c>
      <c r="B78" s="78">
        <v>163</v>
      </c>
      <c r="C78" s="93">
        <v>0.53014611353602248</v>
      </c>
      <c r="D78" s="89">
        <v>7.7248215719020505E-2</v>
      </c>
      <c r="E78" s="93">
        <v>0.2007068406885115</v>
      </c>
      <c r="F78" s="89">
        <v>6.2801521655299022E-2</v>
      </c>
      <c r="G78" s="93">
        <v>0.26914704577546522</v>
      </c>
      <c r="H78" s="89">
        <v>6.9079369669047389E-2</v>
      </c>
      <c r="I78" s="93">
        <v>0.35021165255657161</v>
      </c>
      <c r="J78" s="89">
        <v>7.400038578973879E-2</v>
      </c>
      <c r="K78" s="93">
        <v>0.26063740496639065</v>
      </c>
      <c r="L78" s="89">
        <v>6.8415308457527232E-2</v>
      </c>
      <c r="M78" s="93">
        <v>0.15110446329459074</v>
      </c>
      <c r="N78" s="89">
        <v>5.6660213146187903E-2</v>
      </c>
      <c r="O78" s="93">
        <v>0.21726915562444282</v>
      </c>
      <c r="P78" s="89">
        <v>6.4529010168915768E-2</v>
      </c>
    </row>
    <row r="79" spans="1:16">
      <c r="A79" s="44" t="s">
        <v>547</v>
      </c>
      <c r="B79" s="126">
        <v>63</v>
      </c>
      <c r="C79" s="121">
        <v>0.57209603753952154</v>
      </c>
      <c r="D79" s="92">
        <v>0.12104132076706253</v>
      </c>
      <c r="E79" s="121">
        <v>0.21006239460248138</v>
      </c>
      <c r="F79" s="92">
        <v>0.1024109454980825</v>
      </c>
      <c r="G79" s="121">
        <v>0.21784156785799691</v>
      </c>
      <c r="H79" s="92">
        <v>0.10355153913297629</v>
      </c>
      <c r="I79" s="121">
        <v>0.35173771384468316</v>
      </c>
      <c r="J79" s="92">
        <v>0.11732455992663114</v>
      </c>
      <c r="K79" s="121">
        <v>0.22617520862296059</v>
      </c>
      <c r="L79" s="92">
        <v>0.10472581757392627</v>
      </c>
      <c r="M79" s="121">
        <v>8.6361138727405418E-2</v>
      </c>
      <c r="N79" s="92">
        <v>7.6771637270239376E-2</v>
      </c>
      <c r="O79" s="121">
        <v>0.15756042589242847</v>
      </c>
      <c r="P79" s="92">
        <v>9.3463680941155577E-2</v>
      </c>
    </row>
    <row r="80" spans="1:16">
      <c r="A80" s="52" t="s">
        <v>548</v>
      </c>
      <c r="B80" s="124">
        <v>115</v>
      </c>
      <c r="C80" s="118">
        <v>0.48056693420016666</v>
      </c>
      <c r="D80" s="89">
        <v>9.1605166105533653E-2</v>
      </c>
      <c r="E80" s="118">
        <v>0.2963325817810698</v>
      </c>
      <c r="F80" s="89">
        <v>8.4268740781047152E-2</v>
      </c>
      <c r="G80" s="118">
        <v>0.22310048401876345</v>
      </c>
      <c r="H80" s="89">
        <v>7.7436781047669365E-2</v>
      </c>
      <c r="I80" s="118">
        <v>0.35274026660095126</v>
      </c>
      <c r="J80" s="89">
        <v>8.7878432705909199E-2</v>
      </c>
      <c r="K80" s="118">
        <v>0.25763554015583207</v>
      </c>
      <c r="L80" s="89">
        <v>8.09901006704839E-2</v>
      </c>
      <c r="M80" s="118">
        <v>0.1098751320909975</v>
      </c>
      <c r="N80" s="89">
        <v>6.0213174228749604E-2</v>
      </c>
      <c r="O80" s="118">
        <v>0.23501254009983563</v>
      </c>
      <c r="P80" s="89">
        <v>7.8734287862000679E-2</v>
      </c>
    </row>
    <row r="81" spans="1:16">
      <c r="A81" s="44" t="s">
        <v>549</v>
      </c>
      <c r="B81" s="126">
        <v>98</v>
      </c>
      <c r="C81" s="121">
        <v>0.4600237364812837</v>
      </c>
      <c r="D81" s="92">
        <v>9.8722185358098707E-2</v>
      </c>
      <c r="E81" s="121">
        <v>0.31277769968551999</v>
      </c>
      <c r="F81" s="92">
        <v>9.2385190202662268E-2</v>
      </c>
      <c r="G81" s="121">
        <v>0.22719856383319725</v>
      </c>
      <c r="H81" s="92">
        <v>8.4320080838166028E-2</v>
      </c>
      <c r="I81" s="121">
        <v>0.32350245637544339</v>
      </c>
      <c r="J81" s="92">
        <v>9.3146301966060718E-2</v>
      </c>
      <c r="K81" s="121">
        <v>0.23948049896668167</v>
      </c>
      <c r="L81" s="92">
        <v>8.5714616127140542E-2</v>
      </c>
      <c r="M81" s="121">
        <v>7.0394145268942374E-2</v>
      </c>
      <c r="N81" s="92">
        <v>5.5881655742562535E-2</v>
      </c>
      <c r="O81" s="121">
        <v>0.24928288388868355</v>
      </c>
      <c r="P81" s="92">
        <v>8.6766394037221597E-2</v>
      </c>
    </row>
    <row r="82" spans="1:16">
      <c r="A82" s="52" t="s">
        <v>550</v>
      </c>
      <c r="B82" s="124">
        <v>128</v>
      </c>
      <c r="C82" s="118">
        <v>0.5115467548416498</v>
      </c>
      <c r="D82" s="89">
        <v>8.7017001208727643E-2</v>
      </c>
      <c r="E82" s="118">
        <v>0.25347594172346433</v>
      </c>
      <c r="F82" s="89">
        <v>7.6446329142580802E-2</v>
      </c>
      <c r="G82" s="118">
        <v>0.23497730343488554</v>
      </c>
      <c r="H82" s="89">
        <v>7.4661917429555968E-2</v>
      </c>
      <c r="I82" s="118">
        <v>0.38796909082597464</v>
      </c>
      <c r="J82" s="89">
        <v>8.4959564768035359E-2</v>
      </c>
      <c r="K82" s="118">
        <v>0.20436447077564562</v>
      </c>
      <c r="L82" s="89">
        <v>7.1311601396809809E-2</v>
      </c>
      <c r="M82" s="118">
        <v>0.12797179702411435</v>
      </c>
      <c r="N82" s="89">
        <v>6.0266102683677651E-2</v>
      </c>
      <c r="O82" s="118">
        <v>0.19008271185746686</v>
      </c>
      <c r="P82" s="89">
        <v>6.9562313546316923E-2</v>
      </c>
    </row>
    <row r="83" spans="1:16">
      <c r="A83" s="44" t="s">
        <v>551</v>
      </c>
      <c r="B83" s="126">
        <v>116</v>
      </c>
      <c r="C83" s="121">
        <v>0.56229592912768633</v>
      </c>
      <c r="D83" s="92">
        <v>9.062259175386625E-2</v>
      </c>
      <c r="E83" s="121">
        <v>0.18387722338786877</v>
      </c>
      <c r="F83" s="92">
        <v>7.225362584263896E-2</v>
      </c>
      <c r="G83" s="121">
        <v>0.25382684748444451</v>
      </c>
      <c r="H83" s="92">
        <v>8.0285226057232539E-2</v>
      </c>
      <c r="I83" s="121">
        <v>0.33261609891011612</v>
      </c>
      <c r="J83" s="92">
        <v>8.6375020296002067E-2</v>
      </c>
      <c r="K83" s="121">
        <v>0.21526652171245228</v>
      </c>
      <c r="L83" s="92">
        <v>7.6210594620203062E-2</v>
      </c>
      <c r="M83" s="121">
        <v>0.10046543070167481</v>
      </c>
      <c r="N83" s="92">
        <v>5.797603578805486E-2</v>
      </c>
      <c r="O83" s="121">
        <v>0.16950551106745709</v>
      </c>
      <c r="P83" s="92">
        <v>7.0221982242654579E-2</v>
      </c>
    </row>
    <row r="84" spans="1:16">
      <c r="A84" s="52" t="s">
        <v>543</v>
      </c>
      <c r="B84" s="124">
        <v>161</v>
      </c>
      <c r="C84" s="118">
        <v>0.57834421899242594</v>
      </c>
      <c r="D84" s="89">
        <v>7.6934630622291694E-2</v>
      </c>
      <c r="E84" s="118">
        <v>0.19390521743281833</v>
      </c>
      <c r="F84" s="89">
        <v>6.2434190464803738E-2</v>
      </c>
      <c r="G84" s="118">
        <v>0.22775056357475507</v>
      </c>
      <c r="H84" s="89">
        <v>6.5953219356371287E-2</v>
      </c>
      <c r="I84" s="118">
        <v>0.3532304569609731</v>
      </c>
      <c r="J84" s="89">
        <v>7.4588238267925447E-2</v>
      </c>
      <c r="K84" s="118">
        <v>0.21790361344554995</v>
      </c>
      <c r="L84" s="89">
        <v>6.4991040155784607E-2</v>
      </c>
      <c r="M84" s="118">
        <v>6.8228570956430701E-2</v>
      </c>
      <c r="N84" s="89">
        <v>4.1924241899407008E-2</v>
      </c>
      <c r="O84" s="118">
        <v>0.1606788257791201</v>
      </c>
      <c r="P84" s="89">
        <v>5.8335698166737768E-2</v>
      </c>
    </row>
    <row r="85" spans="1:16">
      <c r="A85" s="44" t="s">
        <v>544</v>
      </c>
      <c r="B85" s="126">
        <v>48</v>
      </c>
      <c r="C85" s="121">
        <v>0.80530565189820125</v>
      </c>
      <c r="D85" s="92">
        <v>0.11454832652574598</v>
      </c>
      <c r="E85" s="121">
        <v>0.11273552350111853</v>
      </c>
      <c r="F85" s="92">
        <v>9.6958236402150011E-2</v>
      </c>
      <c r="G85" s="121">
        <v>8.1958824600680269E-2</v>
      </c>
      <c r="H85" s="92">
        <v>8.8183991914319734E-2</v>
      </c>
      <c r="I85" s="121">
        <v>0.19469434810179881</v>
      </c>
      <c r="J85" s="92">
        <v>0.11454832652574597</v>
      </c>
      <c r="K85" s="121">
        <v>8.1958824600680269E-2</v>
      </c>
      <c r="L85" s="92">
        <v>8.8183991914319734E-2</v>
      </c>
      <c r="M85" s="121">
        <v>6.0317315561048739E-2</v>
      </c>
      <c r="N85" s="92">
        <v>8.0992353771442274E-2</v>
      </c>
      <c r="O85" s="121">
        <v>1.5708502939065484E-2</v>
      </c>
      <c r="P85" s="92">
        <v>6.2114505850214774E-2</v>
      </c>
    </row>
    <row r="86" spans="1:16">
      <c r="A86" s="52" t="s">
        <v>552</v>
      </c>
      <c r="B86" s="124">
        <v>113</v>
      </c>
      <c r="C86" s="118">
        <v>0.47927350955522086</v>
      </c>
      <c r="D86" s="89">
        <v>9.2375910572174924E-2</v>
      </c>
      <c r="E86" s="118">
        <v>0.2293365198336664</v>
      </c>
      <c r="F86" s="89">
        <v>7.8808389795446424E-2</v>
      </c>
      <c r="G86" s="118">
        <v>0.29138997061111199</v>
      </c>
      <c r="H86" s="89">
        <v>8.4612053919344288E-2</v>
      </c>
      <c r="I86" s="118">
        <v>0.42243289622567831</v>
      </c>
      <c r="J86" s="89">
        <v>9.1406429156972488E-2</v>
      </c>
      <c r="K86" s="89">
        <v>0.27724473807064748</v>
      </c>
      <c r="L86" s="89">
        <v>8.34542529055083E-2</v>
      </c>
      <c r="M86" s="89">
        <v>7.1681905183857808E-2</v>
      </c>
      <c r="N86" s="89">
        <v>5.1928026632788248E-2</v>
      </c>
      <c r="O86" s="89">
        <v>0.2239596772754513</v>
      </c>
      <c r="P86" s="89">
        <v>7.8211375978061992E-2</v>
      </c>
    </row>
    <row r="87" spans="1:16">
      <c r="A87" s="44" t="s">
        <v>545</v>
      </c>
      <c r="B87" s="126">
        <v>185</v>
      </c>
      <c r="C87" s="121">
        <v>0.44690045517609411</v>
      </c>
      <c r="D87" s="92">
        <v>7.2345222040850421E-2</v>
      </c>
      <c r="E87" s="121">
        <v>0.24319102312068161</v>
      </c>
      <c r="F87" s="92">
        <v>6.2878261376319661E-2</v>
      </c>
      <c r="G87" s="121">
        <v>0.30990852170322325</v>
      </c>
      <c r="H87" s="92">
        <v>6.7515008501770404E-2</v>
      </c>
      <c r="I87" s="121">
        <v>0.43133002126834008</v>
      </c>
      <c r="J87" s="92">
        <v>7.2079016389075351E-2</v>
      </c>
      <c r="K87" s="92">
        <v>0.27084671803476029</v>
      </c>
      <c r="L87" s="92">
        <v>6.5009230143285926E-2</v>
      </c>
      <c r="M87" s="92">
        <v>0.115442727406238</v>
      </c>
      <c r="N87" s="92">
        <v>4.7877515046144466E-2</v>
      </c>
      <c r="O87" s="92">
        <v>0.17782824363713534</v>
      </c>
      <c r="P87" s="92">
        <v>5.6447248789994672E-2</v>
      </c>
    </row>
    <row r="90" spans="1:16" ht="18.75">
      <c r="A90" s="337" t="s">
        <v>10</v>
      </c>
      <c r="B90" s="337"/>
      <c r="C90" s="337"/>
      <c r="D90" s="337"/>
    </row>
    <row r="91" spans="1:16" ht="108" customHeight="1">
      <c r="A91" s="386" t="s">
        <v>608</v>
      </c>
      <c r="B91" s="386"/>
      <c r="C91" s="386"/>
      <c r="D91" s="386"/>
    </row>
    <row r="92" spans="1:16" ht="37.5" customHeight="1">
      <c r="A92" s="375" t="s">
        <v>114</v>
      </c>
      <c r="B92" s="375"/>
      <c r="C92" s="375"/>
      <c r="D92" s="375"/>
    </row>
    <row r="93" spans="1:16" ht="36" customHeight="1">
      <c r="A93" s="32" t="s">
        <v>71</v>
      </c>
      <c r="B93" s="33" t="s">
        <v>72</v>
      </c>
      <c r="C93" s="34" t="s">
        <v>589</v>
      </c>
      <c r="D93" s="35" t="s">
        <v>73</v>
      </c>
    </row>
    <row r="94" spans="1:16" ht="60">
      <c r="A94" s="36"/>
      <c r="B94" s="37" t="s">
        <v>74</v>
      </c>
      <c r="C94" s="38" t="s">
        <v>115</v>
      </c>
      <c r="D94" s="39" t="s">
        <v>76</v>
      </c>
    </row>
    <row r="95" spans="1:16">
      <c r="A95" s="40" t="s">
        <v>350</v>
      </c>
      <c r="B95" s="128">
        <v>13131</v>
      </c>
      <c r="C95" s="129">
        <v>3.8724198307450646</v>
      </c>
      <c r="D95" s="130">
        <v>2.1149521632353018E-2</v>
      </c>
    </row>
    <row r="96" spans="1:16">
      <c r="A96" s="44" t="s">
        <v>351</v>
      </c>
      <c r="B96" s="44">
        <v>9681</v>
      </c>
      <c r="C96" s="132">
        <v>3.647158658447113</v>
      </c>
      <c r="D96" s="133">
        <v>2.4227169989763712E-2</v>
      </c>
    </row>
    <row r="97" spans="1:4">
      <c r="A97" s="40" t="s">
        <v>352</v>
      </c>
      <c r="B97" s="48">
        <v>3450</v>
      </c>
      <c r="C97" s="129">
        <v>4.057011686604965</v>
      </c>
      <c r="D97" s="130">
        <v>4.1926708767909347E-2</v>
      </c>
    </row>
    <row r="98" spans="1:4">
      <c r="A98" s="44" t="s">
        <v>534</v>
      </c>
      <c r="B98" s="44">
        <v>1793</v>
      </c>
      <c r="C98" s="132">
        <v>3.7215302370002168</v>
      </c>
      <c r="D98" s="133">
        <v>6.0523276098220474E-2</v>
      </c>
    </row>
    <row r="99" spans="1:4">
      <c r="A99" s="40" t="s">
        <v>535</v>
      </c>
      <c r="B99" s="48">
        <v>1471</v>
      </c>
      <c r="C99" s="129">
        <v>3.6079852895348048</v>
      </c>
      <c r="D99" s="130">
        <v>6.6267530141648726E-2</v>
      </c>
    </row>
    <row r="100" spans="1:4">
      <c r="A100" s="44" t="s">
        <v>546</v>
      </c>
      <c r="B100" s="44">
        <v>325</v>
      </c>
      <c r="C100" s="132">
        <v>4.0767826557180129</v>
      </c>
      <c r="D100" s="133">
        <v>0.13721407302764449</v>
      </c>
    </row>
    <row r="101" spans="1:4">
      <c r="A101" s="40" t="s">
        <v>536</v>
      </c>
      <c r="B101" s="48">
        <v>287</v>
      </c>
      <c r="C101" s="129">
        <v>3.4539318983237655</v>
      </c>
      <c r="D101" s="130">
        <v>0.14670641507493962</v>
      </c>
    </row>
    <row r="102" spans="1:4">
      <c r="A102" s="44" t="s">
        <v>537</v>
      </c>
      <c r="B102" s="44">
        <v>86</v>
      </c>
      <c r="C102" s="132">
        <v>2.8803283201187964</v>
      </c>
      <c r="D102" s="133">
        <v>0.24675583896370126</v>
      </c>
    </row>
    <row r="103" spans="1:4">
      <c r="A103" s="40" t="s">
        <v>538</v>
      </c>
      <c r="B103" s="48">
        <v>84</v>
      </c>
      <c r="C103" s="129">
        <v>3.5244827601907311</v>
      </c>
      <c r="D103" s="130">
        <v>0.26654693178717781</v>
      </c>
    </row>
    <row r="104" spans="1:4">
      <c r="A104" s="44" t="s">
        <v>539</v>
      </c>
      <c r="B104" s="44">
        <v>98</v>
      </c>
      <c r="C104" s="132">
        <v>3.8192079825441709</v>
      </c>
      <c r="D104" s="133">
        <v>0.25798257975055922</v>
      </c>
    </row>
    <row r="105" spans="1:4">
      <c r="A105" s="40" t="s">
        <v>540</v>
      </c>
      <c r="B105" s="128">
        <v>110</v>
      </c>
      <c r="C105" s="129">
        <v>3.4262313751604951</v>
      </c>
      <c r="D105" s="130">
        <v>0.23692221497069921</v>
      </c>
    </row>
    <row r="106" spans="1:4">
      <c r="A106" s="44" t="s">
        <v>541</v>
      </c>
      <c r="B106" s="131">
        <v>109</v>
      </c>
      <c r="C106" s="132">
        <v>3.0979492798915054</v>
      </c>
      <c r="D106" s="133">
        <v>0.21572777999806189</v>
      </c>
    </row>
    <row r="107" spans="1:4">
      <c r="A107" s="40" t="s">
        <v>542</v>
      </c>
      <c r="B107" s="78">
        <v>167</v>
      </c>
      <c r="C107" s="79">
        <v>3.1370300134212301</v>
      </c>
      <c r="D107" s="130">
        <v>0.20459230643079018</v>
      </c>
    </row>
    <row r="108" spans="1:4">
      <c r="A108" s="44" t="s">
        <v>547</v>
      </c>
      <c r="B108" s="131">
        <v>67</v>
      </c>
      <c r="C108" s="132">
        <v>2.6794658504146862</v>
      </c>
      <c r="D108" s="133">
        <v>0.26997970368212887</v>
      </c>
    </row>
    <row r="109" spans="1:4">
      <c r="A109" s="52" t="s">
        <v>548</v>
      </c>
      <c r="B109" s="128">
        <v>122</v>
      </c>
      <c r="C109" s="129">
        <v>4.041527187440404</v>
      </c>
      <c r="D109" s="130">
        <v>0.24731309786015135</v>
      </c>
    </row>
    <row r="110" spans="1:4">
      <c r="A110" s="44" t="s">
        <v>549</v>
      </c>
      <c r="B110" s="131">
        <v>94</v>
      </c>
      <c r="C110" s="132">
        <v>3.827568490161473</v>
      </c>
      <c r="D110" s="133">
        <v>0.26075087428702337</v>
      </c>
    </row>
    <row r="111" spans="1:4">
      <c r="A111" s="52" t="s">
        <v>550</v>
      </c>
      <c r="B111" s="128">
        <v>117</v>
      </c>
      <c r="C111" s="129">
        <v>3.7007842547935095</v>
      </c>
      <c r="D111" s="130">
        <v>0.22299484325057919</v>
      </c>
    </row>
    <row r="112" spans="1:4">
      <c r="A112" s="44" t="s">
        <v>551</v>
      </c>
      <c r="B112" s="131">
        <v>116</v>
      </c>
      <c r="C112" s="132">
        <v>3.8952862999023066</v>
      </c>
      <c r="D112" s="133">
        <v>0.22917296050224414</v>
      </c>
    </row>
    <row r="113" spans="1:37">
      <c r="A113" s="52" t="s">
        <v>543</v>
      </c>
      <c r="B113" s="128">
        <v>158</v>
      </c>
      <c r="C113" s="129">
        <v>3.8693153664911448</v>
      </c>
      <c r="D113" s="130">
        <v>0.17515033345920156</v>
      </c>
    </row>
    <row r="114" spans="1:37">
      <c r="A114" s="44" t="s">
        <v>544</v>
      </c>
      <c r="B114" s="131">
        <v>46</v>
      </c>
      <c r="C114" s="132">
        <v>3.7243998113132801</v>
      </c>
      <c r="D114" s="133">
        <v>0.27763195437256533</v>
      </c>
    </row>
    <row r="115" spans="1:37">
      <c r="A115" s="52" t="s">
        <v>552</v>
      </c>
      <c r="B115" s="128">
        <v>112</v>
      </c>
      <c r="C115" s="129">
        <v>3.9312213791909545</v>
      </c>
      <c r="D115" s="130">
        <v>0.21900070718435416</v>
      </c>
    </row>
    <row r="116" spans="1:37">
      <c r="A116" s="44" t="s">
        <v>545</v>
      </c>
      <c r="B116" s="131">
        <v>187</v>
      </c>
      <c r="C116" s="132">
        <v>3.183490630523873</v>
      </c>
      <c r="D116" s="133">
        <v>0.18057895664509541</v>
      </c>
      <c r="P116" s="238"/>
      <c r="Q116" s="238"/>
      <c r="R116" s="238"/>
      <c r="S116" s="238"/>
      <c r="T116" s="238"/>
      <c r="U116" s="238"/>
      <c r="V116" s="238"/>
      <c r="W116" s="238"/>
      <c r="X116" s="238"/>
      <c r="Y116" s="238"/>
      <c r="Z116" s="238"/>
      <c r="AA116" s="238"/>
      <c r="AB116" s="238"/>
      <c r="AC116" s="238"/>
      <c r="AD116" s="238"/>
    </row>
    <row r="117" spans="1:37">
      <c r="P117" s="238"/>
      <c r="Q117" s="238"/>
      <c r="R117" s="238"/>
      <c r="S117" s="238"/>
      <c r="T117" s="238"/>
      <c r="U117" s="238"/>
      <c r="V117" s="238"/>
      <c r="W117" s="238"/>
      <c r="X117" s="238"/>
      <c r="Y117" s="238"/>
      <c r="Z117" s="238"/>
      <c r="AA117" s="238"/>
      <c r="AB117" s="238"/>
      <c r="AC117" s="238"/>
      <c r="AD117" s="238"/>
    </row>
    <row r="118" spans="1:37">
      <c r="P118" s="238"/>
      <c r="Q118" s="238"/>
      <c r="R118" s="238"/>
      <c r="S118" s="238"/>
      <c r="T118" s="238"/>
      <c r="U118" s="238"/>
      <c r="V118" s="238"/>
      <c r="W118" s="238"/>
      <c r="X118" s="238"/>
      <c r="Y118" s="238"/>
      <c r="Z118" s="238"/>
      <c r="AA118" s="238"/>
      <c r="AB118" s="238"/>
      <c r="AC118" s="238"/>
      <c r="AD118" s="238"/>
    </row>
    <row r="119" spans="1:37" ht="18.75">
      <c r="A119" s="337" t="s">
        <v>36</v>
      </c>
      <c r="B119" s="337"/>
      <c r="C119" s="337"/>
      <c r="D119" s="337"/>
      <c r="E119" s="337"/>
      <c r="F119" s="337"/>
      <c r="G119" s="337"/>
      <c r="H119" s="337"/>
      <c r="I119" s="337"/>
      <c r="J119" s="337"/>
      <c r="K119" s="337"/>
      <c r="L119" s="337"/>
      <c r="M119" s="337"/>
      <c r="N119" s="337"/>
      <c r="O119" s="337"/>
      <c r="P119" s="337"/>
      <c r="Q119" s="337"/>
      <c r="R119" s="337"/>
      <c r="S119" s="337"/>
      <c r="T119" s="337"/>
      <c r="U119" s="337"/>
      <c r="V119" s="337"/>
      <c r="W119" s="337"/>
      <c r="X119" s="337"/>
      <c r="Y119" s="337"/>
      <c r="Z119" s="337"/>
      <c r="AA119" s="337"/>
      <c r="AB119" s="337"/>
      <c r="AC119" s="337"/>
      <c r="AD119" s="337"/>
      <c r="AE119" s="337"/>
      <c r="AF119" s="337"/>
      <c r="AG119" s="337"/>
      <c r="AH119" s="337"/>
      <c r="AI119" s="337"/>
      <c r="AJ119" s="337"/>
      <c r="AK119" s="337"/>
    </row>
    <row r="120" spans="1:37" ht="72" customHeight="1">
      <c r="A120" s="384" t="s">
        <v>587</v>
      </c>
      <c r="B120" s="384"/>
      <c r="C120" s="384"/>
      <c r="D120" s="384"/>
      <c r="E120" s="384"/>
      <c r="F120" s="384"/>
      <c r="G120" s="384"/>
      <c r="H120" s="384"/>
      <c r="I120" s="384"/>
      <c r="J120" s="384"/>
      <c r="K120" s="384"/>
      <c r="L120" s="384"/>
      <c r="M120" s="384"/>
      <c r="N120" s="384"/>
      <c r="O120" s="384"/>
      <c r="P120" s="384"/>
      <c r="Q120" s="384"/>
      <c r="R120" s="384"/>
      <c r="S120" s="384"/>
      <c r="T120" s="384"/>
      <c r="U120" s="384"/>
      <c r="V120" s="384"/>
      <c r="W120" s="384"/>
      <c r="X120" s="384"/>
      <c r="Y120" s="384"/>
      <c r="Z120" s="384"/>
      <c r="AA120" s="384"/>
      <c r="AB120" s="384"/>
      <c r="AC120" s="384"/>
      <c r="AD120" s="384"/>
      <c r="AE120" s="384"/>
      <c r="AF120" s="384"/>
      <c r="AG120" s="384"/>
      <c r="AH120" s="384"/>
      <c r="AI120" s="384"/>
      <c r="AJ120" s="384"/>
      <c r="AK120" s="384"/>
    </row>
    <row r="121" spans="1:37" ht="41.25" customHeight="1">
      <c r="A121" s="59"/>
      <c r="B121" s="380" t="s">
        <v>221</v>
      </c>
      <c r="C121" s="381"/>
      <c r="D121" s="381"/>
      <c r="E121" s="381"/>
      <c r="F121" s="381"/>
      <c r="G121" s="381"/>
      <c r="H121" s="381"/>
      <c r="I121" s="381"/>
      <c r="J121" s="382"/>
      <c r="K121" s="378" t="s">
        <v>379</v>
      </c>
      <c r="L121" s="379"/>
      <c r="M121" s="379"/>
      <c r="N121" s="379"/>
      <c r="O121" s="379"/>
      <c r="P121" s="379"/>
      <c r="Q121" s="379"/>
      <c r="R121" s="379"/>
      <c r="S121" s="379"/>
      <c r="T121" s="380" t="s">
        <v>193</v>
      </c>
      <c r="U121" s="381"/>
      <c r="V121" s="381"/>
      <c r="W121" s="381"/>
      <c r="X121" s="381"/>
      <c r="Y121" s="381"/>
      <c r="Z121" s="381"/>
      <c r="AA121" s="381"/>
      <c r="AB121" s="382"/>
      <c r="AC121" s="378" t="s">
        <v>380</v>
      </c>
      <c r="AD121" s="379"/>
      <c r="AE121" s="379"/>
      <c r="AF121" s="379"/>
      <c r="AG121" s="379"/>
      <c r="AH121" s="379"/>
      <c r="AI121" s="379"/>
      <c r="AJ121" s="379"/>
      <c r="AK121" s="379"/>
    </row>
    <row r="122" spans="1:37" ht="40.5" customHeight="1">
      <c r="A122" s="32" t="s">
        <v>71</v>
      </c>
      <c r="B122" s="33" t="s">
        <v>72</v>
      </c>
      <c r="C122" s="33" t="s">
        <v>156</v>
      </c>
      <c r="D122" s="84" t="s">
        <v>85</v>
      </c>
      <c r="E122" s="33" t="s">
        <v>157</v>
      </c>
      <c r="F122" s="84" t="s">
        <v>86</v>
      </c>
      <c r="G122" s="33" t="s">
        <v>158</v>
      </c>
      <c r="H122" s="84" t="s">
        <v>87</v>
      </c>
      <c r="I122" s="33" t="s">
        <v>301</v>
      </c>
      <c r="J122" s="84" t="s">
        <v>300</v>
      </c>
      <c r="K122" s="60" t="s">
        <v>72</v>
      </c>
      <c r="L122" s="60" t="s">
        <v>156</v>
      </c>
      <c r="M122" s="83" t="s">
        <v>85</v>
      </c>
      <c r="N122" s="60" t="s">
        <v>157</v>
      </c>
      <c r="O122" s="83" t="s">
        <v>86</v>
      </c>
      <c r="P122" s="60" t="s">
        <v>158</v>
      </c>
      <c r="Q122" s="83" t="s">
        <v>87</v>
      </c>
      <c r="R122" s="60" t="s">
        <v>301</v>
      </c>
      <c r="S122" s="83" t="s">
        <v>300</v>
      </c>
      <c r="T122" s="33" t="s">
        <v>72</v>
      </c>
      <c r="U122" s="33" t="s">
        <v>156</v>
      </c>
      <c r="V122" s="84" t="s">
        <v>85</v>
      </c>
      <c r="W122" s="33" t="s">
        <v>157</v>
      </c>
      <c r="X122" s="84" t="s">
        <v>86</v>
      </c>
      <c r="Y122" s="33" t="s">
        <v>158</v>
      </c>
      <c r="Z122" s="84" t="s">
        <v>87</v>
      </c>
      <c r="AA122" s="33" t="s">
        <v>301</v>
      </c>
      <c r="AB122" s="84" t="s">
        <v>300</v>
      </c>
      <c r="AC122" s="60" t="s">
        <v>72</v>
      </c>
      <c r="AD122" s="60" t="s">
        <v>156</v>
      </c>
      <c r="AE122" s="83" t="s">
        <v>85</v>
      </c>
      <c r="AF122" s="60" t="s">
        <v>157</v>
      </c>
      <c r="AG122" s="83" t="s">
        <v>86</v>
      </c>
      <c r="AH122" s="60" t="s">
        <v>158</v>
      </c>
      <c r="AI122" s="83" t="s">
        <v>87</v>
      </c>
      <c r="AJ122" s="60" t="s">
        <v>301</v>
      </c>
      <c r="AK122" s="83" t="s">
        <v>300</v>
      </c>
    </row>
    <row r="123" spans="1:37" ht="66" customHeight="1">
      <c r="A123" s="36"/>
      <c r="B123" s="37" t="s">
        <v>74</v>
      </c>
      <c r="C123" s="37" t="s">
        <v>159</v>
      </c>
      <c r="D123" s="86" t="s">
        <v>88</v>
      </c>
      <c r="E123" s="37" t="s">
        <v>160</v>
      </c>
      <c r="F123" s="86" t="s">
        <v>88</v>
      </c>
      <c r="G123" s="37" t="s">
        <v>161</v>
      </c>
      <c r="H123" s="86" t="s">
        <v>88</v>
      </c>
      <c r="I123" s="37" t="s">
        <v>301</v>
      </c>
      <c r="J123" s="86" t="s">
        <v>88</v>
      </c>
      <c r="K123" s="63" t="s">
        <v>74</v>
      </c>
      <c r="L123" s="63" t="s">
        <v>159</v>
      </c>
      <c r="M123" s="85" t="s">
        <v>88</v>
      </c>
      <c r="N123" s="63" t="s">
        <v>160</v>
      </c>
      <c r="O123" s="85" t="s">
        <v>88</v>
      </c>
      <c r="P123" s="63" t="s">
        <v>161</v>
      </c>
      <c r="Q123" s="85" t="s">
        <v>88</v>
      </c>
      <c r="R123" s="63" t="s">
        <v>301</v>
      </c>
      <c r="S123" s="85" t="s">
        <v>88</v>
      </c>
      <c r="T123" s="37" t="s">
        <v>74</v>
      </c>
      <c r="U123" s="37" t="s">
        <v>159</v>
      </c>
      <c r="V123" s="86" t="s">
        <v>88</v>
      </c>
      <c r="W123" s="37" t="s">
        <v>160</v>
      </c>
      <c r="X123" s="86" t="s">
        <v>88</v>
      </c>
      <c r="Y123" s="37" t="s">
        <v>161</v>
      </c>
      <c r="Z123" s="86" t="s">
        <v>88</v>
      </c>
      <c r="AA123" s="37" t="s">
        <v>301</v>
      </c>
      <c r="AB123" s="86" t="s">
        <v>88</v>
      </c>
      <c r="AC123" s="63" t="s">
        <v>74</v>
      </c>
      <c r="AD123" s="63" t="s">
        <v>159</v>
      </c>
      <c r="AE123" s="85" t="s">
        <v>88</v>
      </c>
      <c r="AF123" s="63" t="s">
        <v>160</v>
      </c>
      <c r="AG123" s="85" t="s">
        <v>88</v>
      </c>
      <c r="AH123" s="63" t="s">
        <v>161</v>
      </c>
      <c r="AI123" s="85" t="s">
        <v>88</v>
      </c>
      <c r="AJ123" s="63" t="s">
        <v>301</v>
      </c>
      <c r="AK123" s="85" t="s">
        <v>88</v>
      </c>
    </row>
    <row r="124" spans="1:37">
      <c r="A124" s="40" t="s">
        <v>350</v>
      </c>
      <c r="B124" s="134">
        <v>13965</v>
      </c>
      <c r="C124" s="135">
        <v>0.36644795766614507</v>
      </c>
      <c r="D124" s="89">
        <v>8.1536898892394533E-3</v>
      </c>
      <c r="E124" s="135">
        <v>0.23648040341275756</v>
      </c>
      <c r="F124" s="89">
        <v>7.191224160995411E-3</v>
      </c>
      <c r="G124" s="135">
        <v>0.38329741118132249</v>
      </c>
      <c r="H124" s="89">
        <v>8.2273567588273637E-3</v>
      </c>
      <c r="I124" s="135">
        <v>1.3774227739792673E-2</v>
      </c>
      <c r="J124" s="89">
        <v>1.9820855190901066E-3</v>
      </c>
      <c r="K124" s="134">
        <v>13880</v>
      </c>
      <c r="L124" s="135">
        <v>0.32062561491627489</v>
      </c>
      <c r="M124" s="89">
        <v>7.9221828736430119E-3</v>
      </c>
      <c r="N124" s="135">
        <v>0.2335049807445477</v>
      </c>
      <c r="O124" s="89">
        <v>7.1816638157436805E-3</v>
      </c>
      <c r="P124" s="135">
        <v>0.38589727124803358</v>
      </c>
      <c r="Q124" s="89">
        <v>8.2629653853185988E-3</v>
      </c>
      <c r="R124" s="135">
        <v>5.9972133091162609E-2</v>
      </c>
      <c r="S124" s="89">
        <v>4.0341036549552522E-3</v>
      </c>
      <c r="T124" s="134">
        <v>13922</v>
      </c>
      <c r="U124" s="135">
        <v>0.49368915731230545</v>
      </c>
      <c r="V124" s="89">
        <v>8.4732930857762939E-3</v>
      </c>
      <c r="W124" s="135">
        <v>0.19666974281796323</v>
      </c>
      <c r="X124" s="89">
        <v>6.7376005886321923E-3</v>
      </c>
      <c r="Y124" s="135">
        <v>0.21420187864334492</v>
      </c>
      <c r="Z124" s="89">
        <v>6.9541563128915091E-3</v>
      </c>
      <c r="AA124" s="135">
        <v>9.543922122640483E-2</v>
      </c>
      <c r="AB124" s="89">
        <v>4.9823639893224105E-3</v>
      </c>
      <c r="AC124" s="134">
        <v>13902</v>
      </c>
      <c r="AD124" s="135">
        <v>0.30993186866202399</v>
      </c>
      <c r="AE124" s="89">
        <v>7.8438464444957785E-3</v>
      </c>
      <c r="AF124" s="135">
        <v>0.25085781071638874</v>
      </c>
      <c r="AG124" s="89">
        <v>7.3530255757909366E-3</v>
      </c>
      <c r="AH124" s="135">
        <v>0.36624752792057691</v>
      </c>
      <c r="AI124" s="89">
        <v>8.1711972448100367E-3</v>
      </c>
      <c r="AJ124" s="135">
        <v>7.2962792701029858E-2</v>
      </c>
      <c r="AK124" s="89">
        <v>4.4143288466272764E-3</v>
      </c>
    </row>
    <row r="125" spans="1:37">
      <c r="A125" s="44" t="s">
        <v>351</v>
      </c>
      <c r="B125" s="136">
        <v>10219</v>
      </c>
      <c r="C125" s="137">
        <v>0.37425977793015447</v>
      </c>
      <c r="D125" s="92">
        <v>9.5727319604077283E-3</v>
      </c>
      <c r="E125" s="137">
        <v>0.23341807096192999</v>
      </c>
      <c r="F125" s="92">
        <v>8.3686384836117785E-3</v>
      </c>
      <c r="G125" s="137">
        <v>0.38310947720462957</v>
      </c>
      <c r="H125" s="92">
        <v>9.6164800316819662E-3</v>
      </c>
      <c r="I125" s="137">
        <v>9.2126739032861969E-3</v>
      </c>
      <c r="J125" s="92">
        <v>1.9092445910410185E-3</v>
      </c>
      <c r="K125" s="136">
        <v>10160</v>
      </c>
      <c r="L125" s="137">
        <v>0.3955655587075626</v>
      </c>
      <c r="M125" s="92">
        <v>9.700392325624042E-3</v>
      </c>
      <c r="N125" s="137">
        <v>0.24201743914323703</v>
      </c>
      <c r="O125" s="92">
        <v>8.4979191117963739E-3</v>
      </c>
      <c r="P125" s="137">
        <v>0.30657256229566193</v>
      </c>
      <c r="Q125" s="92">
        <v>9.1473414897307644E-3</v>
      </c>
      <c r="R125" s="137">
        <v>5.5844439853537209E-2</v>
      </c>
      <c r="S125" s="92">
        <v>4.5619217166565718E-3</v>
      </c>
      <c r="T125" s="136">
        <v>10190</v>
      </c>
      <c r="U125" s="137">
        <v>0.59206716223797629</v>
      </c>
      <c r="V125" s="92">
        <v>9.7351686821155105E-3</v>
      </c>
      <c r="W125" s="137">
        <v>0.16742939549663968</v>
      </c>
      <c r="X125" s="92">
        <v>7.3980832736661069E-3</v>
      </c>
      <c r="Y125" s="137">
        <v>0.16741015566277798</v>
      </c>
      <c r="Z125" s="92">
        <v>7.3977441462118208E-3</v>
      </c>
      <c r="AA125" s="137">
        <v>7.3093286602602531E-2</v>
      </c>
      <c r="AB125" s="92">
        <v>5.1614565408424152E-3</v>
      </c>
      <c r="AC125" s="136">
        <v>10170</v>
      </c>
      <c r="AD125" s="137">
        <v>0.36260903263568517</v>
      </c>
      <c r="AE125" s="92">
        <v>9.5327967279677656E-3</v>
      </c>
      <c r="AF125" s="137">
        <v>0.23904894787629591</v>
      </c>
      <c r="AG125" s="92">
        <v>8.458041366186669E-3</v>
      </c>
      <c r="AH125" s="137">
        <v>0.32679779631457401</v>
      </c>
      <c r="AI125" s="92">
        <v>9.3007876747110592E-3</v>
      </c>
      <c r="AJ125" s="137">
        <v>7.154422317344393E-2</v>
      </c>
      <c r="AK125" s="92">
        <v>5.1159147516388311E-3</v>
      </c>
    </row>
    <row r="126" spans="1:37">
      <c r="A126" s="40" t="s">
        <v>352</v>
      </c>
      <c r="B126" s="78">
        <v>3746</v>
      </c>
      <c r="C126" s="93">
        <v>0.3601543210122039</v>
      </c>
      <c r="D126" s="89">
        <v>1.5679621934904357E-2</v>
      </c>
      <c r="E126" s="93">
        <v>0.23894758866633725</v>
      </c>
      <c r="F126" s="89">
        <v>1.393305687139991E-2</v>
      </c>
      <c r="G126" s="93">
        <v>0.383448821239948</v>
      </c>
      <c r="H126" s="89">
        <v>1.5881050741124794E-2</v>
      </c>
      <c r="I126" s="93">
        <v>1.7449269081511242E-2</v>
      </c>
      <c r="J126" s="89">
        <v>4.3378993293283763E-3</v>
      </c>
      <c r="K126" s="78">
        <v>3720</v>
      </c>
      <c r="L126" s="93">
        <v>0.26012095205869695</v>
      </c>
      <c r="M126" s="89">
        <v>1.4382439062372796E-2</v>
      </c>
      <c r="N126" s="93">
        <v>0.22663223172118518</v>
      </c>
      <c r="O126" s="89">
        <v>1.372706617716388E-2</v>
      </c>
      <c r="P126" s="93">
        <v>0.44994208538352093</v>
      </c>
      <c r="Q126" s="89">
        <v>1.6304684417490233E-2</v>
      </c>
      <c r="R126" s="93">
        <v>6.3304730836596809E-2</v>
      </c>
      <c r="S126" s="89">
        <v>8.0082325271413016E-3</v>
      </c>
      <c r="T126" s="78">
        <v>3732</v>
      </c>
      <c r="U126" s="93">
        <v>0.41453265323534544</v>
      </c>
      <c r="V126" s="89">
        <v>1.6120231012975293E-2</v>
      </c>
      <c r="W126" s="93">
        <v>0.22019699033329698</v>
      </c>
      <c r="X126" s="89">
        <v>1.3565521463450985E-2</v>
      </c>
      <c r="Y126" s="93">
        <v>0.25185124156421401</v>
      </c>
      <c r="Z126" s="89">
        <v>1.4208375148641556E-2</v>
      </c>
      <c r="AA126" s="93">
        <v>0.11341911486714538</v>
      </c>
      <c r="AB126" s="89">
        <v>1.0392462377978003E-2</v>
      </c>
      <c r="AC126" s="78">
        <v>3732</v>
      </c>
      <c r="AD126" s="93">
        <v>0.26746387235264757</v>
      </c>
      <c r="AE126" s="89">
        <v>1.4487780994636582E-2</v>
      </c>
      <c r="AF126" s="93">
        <v>0.26037804122388397</v>
      </c>
      <c r="AG126" s="89">
        <v>1.4363892813970059E-2</v>
      </c>
      <c r="AH126" s="93">
        <v>0.39805165194453163</v>
      </c>
      <c r="AI126" s="89">
        <v>1.6017548534641241E-2</v>
      </c>
      <c r="AJ126" s="93">
        <v>7.4106434478937069E-2</v>
      </c>
      <c r="AK126" s="89">
        <v>8.5952820793282168E-3</v>
      </c>
    </row>
    <row r="127" spans="1:37">
      <c r="A127" s="44" t="s">
        <v>534</v>
      </c>
      <c r="B127" s="136">
        <v>1893</v>
      </c>
      <c r="C127" s="137">
        <v>0.37243561755233123</v>
      </c>
      <c r="D127" s="92">
        <v>2.220315843015205E-2</v>
      </c>
      <c r="E127" s="137">
        <v>0.23670000520823747</v>
      </c>
      <c r="F127" s="92">
        <v>1.9534118878212655E-2</v>
      </c>
      <c r="G127" s="137">
        <v>0.38030112672133348</v>
      </c>
      <c r="H127" s="92">
        <v>2.2294929185173229E-2</v>
      </c>
      <c r="I127" s="137">
        <v>1.0563250518100354E-2</v>
      </c>
      <c r="J127" s="92">
        <v>4.9159134671990616E-3</v>
      </c>
      <c r="K127" s="136">
        <v>1882</v>
      </c>
      <c r="L127" s="137">
        <v>0.37723801228773873</v>
      </c>
      <c r="M127" s="92">
        <v>2.2324767256000695E-2</v>
      </c>
      <c r="N127" s="137">
        <v>0.23409987720421566</v>
      </c>
      <c r="O127" s="92">
        <v>1.9516787934300256E-2</v>
      </c>
      <c r="P127" s="137">
        <v>0.33760004133196375</v>
      </c>
      <c r="Q127" s="92">
        <v>2.1783568893256708E-2</v>
      </c>
      <c r="R127" s="137">
        <v>5.1062069176083968E-2</v>
      </c>
      <c r="S127" s="92">
        <v>1.0226360492858546E-2</v>
      </c>
      <c r="T127" s="136">
        <v>1882</v>
      </c>
      <c r="U127" s="137">
        <v>0.54372539735045589</v>
      </c>
      <c r="V127" s="92">
        <v>2.2938721028960798E-2</v>
      </c>
      <c r="W127" s="137">
        <v>0.18105351425366006</v>
      </c>
      <c r="X127" s="92">
        <v>1.7759091574262323E-2</v>
      </c>
      <c r="Y127" s="137">
        <v>0.20407901262262804</v>
      </c>
      <c r="Z127" s="92">
        <v>1.858184297608691E-2</v>
      </c>
      <c r="AA127" s="137">
        <v>7.1142075773258137E-2</v>
      </c>
      <c r="AB127" s="92">
        <v>1.1908113940974779E-2</v>
      </c>
      <c r="AC127" s="136">
        <v>1886</v>
      </c>
      <c r="AD127" s="137">
        <v>0.35032862422641808</v>
      </c>
      <c r="AE127" s="92">
        <v>2.1952001520674416E-2</v>
      </c>
      <c r="AF127" s="137">
        <v>0.24718622620594591</v>
      </c>
      <c r="AG127" s="92">
        <v>1.9859583713905657E-2</v>
      </c>
      <c r="AH127" s="137">
        <v>0.34362225025624282</v>
      </c>
      <c r="AI127" s="92">
        <v>2.1853257544105786E-2</v>
      </c>
      <c r="AJ127" s="137">
        <v>5.8862899311394823E-2</v>
      </c>
      <c r="AK127" s="92">
        <v>1.0908071732501131E-2</v>
      </c>
    </row>
    <row r="128" spans="1:37">
      <c r="A128" s="40" t="s">
        <v>535</v>
      </c>
      <c r="B128" s="78">
        <v>1541</v>
      </c>
      <c r="C128" s="93">
        <v>0.37393890263685309</v>
      </c>
      <c r="D128" s="89">
        <v>2.4623549061102562E-2</v>
      </c>
      <c r="E128" s="93">
        <v>0.24357291642172563</v>
      </c>
      <c r="F128" s="89">
        <v>2.1860705729619817E-2</v>
      </c>
      <c r="G128" s="93">
        <v>0.37265553140013685</v>
      </c>
      <c r="H128" s="89">
        <v>2.4606534619724715E-2</v>
      </c>
      <c r="I128" s="93">
        <v>9.8326495412838916E-3</v>
      </c>
      <c r="J128" s="89">
        <v>5.3313370885242854E-3</v>
      </c>
      <c r="K128" s="78">
        <v>1534</v>
      </c>
      <c r="L128" s="93">
        <v>0.42654846139980795</v>
      </c>
      <c r="M128" s="89">
        <v>2.5223727042366206E-2</v>
      </c>
      <c r="N128" s="93">
        <v>0.22774467876177154</v>
      </c>
      <c r="O128" s="89">
        <v>2.1410720899223554E-2</v>
      </c>
      <c r="P128" s="93">
        <v>0.29534721665576508</v>
      </c>
      <c r="Q128" s="89">
        <v>2.3277307784850505E-2</v>
      </c>
      <c r="R128" s="93">
        <v>5.0359643182655046E-2</v>
      </c>
      <c r="S128" s="89">
        <v>1.1274309383220689E-2</v>
      </c>
      <c r="T128" s="78">
        <v>1534</v>
      </c>
      <c r="U128" s="93">
        <v>0.59537583086972057</v>
      </c>
      <c r="V128" s="89">
        <v>2.5033174639404087E-2</v>
      </c>
      <c r="W128" s="93">
        <v>0.1590525444570397</v>
      </c>
      <c r="X128" s="89">
        <v>1.8693246316099976E-2</v>
      </c>
      <c r="Y128" s="93">
        <v>0.18992360129882815</v>
      </c>
      <c r="Z128" s="89">
        <v>2.0035864656995424E-2</v>
      </c>
      <c r="AA128" s="93">
        <v>5.5648023374410764E-2</v>
      </c>
      <c r="AB128" s="89">
        <v>1.1804324278568869E-2</v>
      </c>
      <c r="AC128" s="78">
        <v>1536</v>
      </c>
      <c r="AD128" s="93">
        <v>0.37905431259537914</v>
      </c>
      <c r="AE128" s="89">
        <v>2.4729604262689667E-2</v>
      </c>
      <c r="AF128" s="93">
        <v>0.23549259395601901</v>
      </c>
      <c r="AG128" s="89">
        <v>2.1646439397512322E-2</v>
      </c>
      <c r="AH128" s="93">
        <v>0.32858102205712753</v>
      </c>
      <c r="AI128" s="89">
        <v>2.3946259222290267E-2</v>
      </c>
      <c r="AJ128" s="93">
        <v>5.6872071391473676E-2</v>
      </c>
      <c r="AK128" s="89">
        <v>1.1914890644485802E-2</v>
      </c>
    </row>
    <row r="129" spans="1:37">
      <c r="A129" s="44" t="s">
        <v>546</v>
      </c>
      <c r="B129" s="136">
        <v>356</v>
      </c>
      <c r="C129" s="137">
        <v>0.37122180968262597</v>
      </c>
      <c r="D129" s="92">
        <v>5.0966509668124098E-2</v>
      </c>
      <c r="E129" s="137">
        <v>0.21544134190836878</v>
      </c>
      <c r="F129" s="92">
        <v>4.3565504620860979E-2</v>
      </c>
      <c r="G129" s="137">
        <v>0.40033256442600851</v>
      </c>
      <c r="H129" s="92">
        <v>5.1670529160127252E-2</v>
      </c>
      <c r="I129" s="137">
        <v>1.3004283982995826E-2</v>
      </c>
      <c r="J129" s="92">
        <v>1.4172047006131552E-2</v>
      </c>
      <c r="K129" s="136">
        <v>352</v>
      </c>
      <c r="L129" s="137">
        <v>0.22298309133754018</v>
      </c>
      <c r="M129" s="92">
        <v>4.4339902901789102E-2</v>
      </c>
      <c r="N129" s="137">
        <v>0.25708512042163056</v>
      </c>
      <c r="O129" s="92">
        <v>4.6484372886246725E-2</v>
      </c>
      <c r="P129" s="137">
        <v>0.46692070927269524</v>
      </c>
      <c r="Q129" s="92">
        <v>5.2886375131188552E-2</v>
      </c>
      <c r="R129" s="137">
        <v>5.3011078968133056E-2</v>
      </c>
      <c r="S129" s="92">
        <v>2.47834549323727E-2</v>
      </c>
      <c r="T129" s="136">
        <v>352</v>
      </c>
      <c r="U129" s="137">
        <v>0.38267960482923741</v>
      </c>
      <c r="V129" s="92">
        <v>5.1553778212119254E-2</v>
      </c>
      <c r="W129" s="137">
        <v>0.25121044320115521</v>
      </c>
      <c r="X129" s="92">
        <v>4.6141802570202603E-2</v>
      </c>
      <c r="Y129" s="137">
        <v>0.24659535001718186</v>
      </c>
      <c r="Z129" s="92">
        <v>4.5865091121073731E-2</v>
      </c>
      <c r="AA129" s="137">
        <v>0.11951460195242493</v>
      </c>
      <c r="AB129" s="92">
        <v>3.4910129290117865E-2</v>
      </c>
      <c r="AC129" s="136">
        <v>354</v>
      </c>
      <c r="AD129" s="137">
        <v>0.26372890394979748</v>
      </c>
      <c r="AE129" s="92">
        <v>4.6727124714143004E-2</v>
      </c>
      <c r="AF129" s="137">
        <v>0.28408873815708247</v>
      </c>
      <c r="AG129" s="92">
        <v>4.7791240983105429E-2</v>
      </c>
      <c r="AH129" s="137">
        <v>0.38739675176141142</v>
      </c>
      <c r="AI129" s="92">
        <v>5.1524498286641914E-2</v>
      </c>
      <c r="AJ129" s="137">
        <v>6.478560613170796E-2</v>
      </c>
      <c r="AK129" s="92">
        <v>2.6907133064339825E-2</v>
      </c>
    </row>
    <row r="130" spans="1:37">
      <c r="A130" s="40" t="s">
        <v>536</v>
      </c>
      <c r="B130" s="78">
        <v>297</v>
      </c>
      <c r="C130" s="93">
        <v>0.42885354014417509</v>
      </c>
      <c r="D130" s="89">
        <v>5.7068103015453751E-2</v>
      </c>
      <c r="E130" s="93">
        <v>0.2278451067788827</v>
      </c>
      <c r="F130" s="89">
        <v>4.8620467377784721E-2</v>
      </c>
      <c r="G130" s="93">
        <v>0.33818954313182431</v>
      </c>
      <c r="H130" s="89">
        <v>5.4621456109285711E-2</v>
      </c>
      <c r="I130" s="93">
        <v>5.111809945115506E-3</v>
      </c>
      <c r="J130" s="89">
        <v>1.2389996264555675E-2</v>
      </c>
      <c r="K130" s="78">
        <v>296</v>
      </c>
      <c r="L130" s="93">
        <v>0.49262419560863402</v>
      </c>
      <c r="M130" s="89">
        <v>5.77289111359989E-2</v>
      </c>
      <c r="N130" s="93">
        <v>0.23331991079112258</v>
      </c>
      <c r="O130" s="89">
        <v>4.9093865736434254E-2</v>
      </c>
      <c r="P130" s="93">
        <v>0.2141803658203916</v>
      </c>
      <c r="Q130" s="89">
        <v>4.7675443000345846E-2</v>
      </c>
      <c r="R130" s="93">
        <v>5.9875527779849523E-2</v>
      </c>
      <c r="S130" s="89">
        <v>2.8617383930596284E-2</v>
      </c>
      <c r="T130" s="78">
        <v>296</v>
      </c>
      <c r="U130" s="93">
        <v>0.60787064765680021</v>
      </c>
      <c r="V130" s="89">
        <v>5.6411836832937635E-2</v>
      </c>
      <c r="W130" s="93">
        <v>0.14390944667526251</v>
      </c>
      <c r="X130" s="89">
        <v>4.107851372125735E-2</v>
      </c>
      <c r="Y130" s="93">
        <v>0.19616354193742466</v>
      </c>
      <c r="Z130" s="89">
        <v>4.6206604251360174E-2</v>
      </c>
      <c r="AA130" s="93">
        <v>5.2056363730510161E-2</v>
      </c>
      <c r="AB130" s="89">
        <v>2.6996687951447999E-2</v>
      </c>
      <c r="AC130" s="78">
        <v>296</v>
      </c>
      <c r="AD130" s="93">
        <v>0.50377151613347826</v>
      </c>
      <c r="AE130" s="89">
        <v>5.7733427919805846E-2</v>
      </c>
      <c r="AF130" s="93">
        <v>0.16493683605366458</v>
      </c>
      <c r="AG130" s="89">
        <v>4.3313818092791237E-2</v>
      </c>
      <c r="AH130" s="93">
        <v>0.28319878964238687</v>
      </c>
      <c r="AI130" s="89">
        <v>5.2184580890280045E-2</v>
      </c>
      <c r="AJ130" s="93">
        <v>4.809285817046767E-2</v>
      </c>
      <c r="AK130" s="89">
        <v>2.6125210753803734E-2</v>
      </c>
    </row>
    <row r="131" spans="1:37">
      <c r="A131" s="44" t="s">
        <v>537</v>
      </c>
      <c r="B131" s="136">
        <v>88</v>
      </c>
      <c r="C131" s="137">
        <v>0.67089129989988738</v>
      </c>
      <c r="D131" s="92">
        <v>9.8528394034155767E-2</v>
      </c>
      <c r="E131" s="137">
        <v>0.12004863277184769</v>
      </c>
      <c r="F131" s="92">
        <v>7.1601970004292234E-2</v>
      </c>
      <c r="G131" s="137">
        <v>0.18833519662050185</v>
      </c>
      <c r="H131" s="92">
        <v>8.3699241011047906E-2</v>
      </c>
      <c r="I131" s="137">
        <v>2.0724870707763191E-2</v>
      </c>
      <c r="J131" s="92">
        <v>4.1617013402499098E-2</v>
      </c>
      <c r="K131" s="136">
        <v>88</v>
      </c>
      <c r="L131" s="137">
        <v>0.65394774436060854</v>
      </c>
      <c r="M131" s="92">
        <v>9.9633273696611471E-2</v>
      </c>
      <c r="N131" s="137">
        <v>0.192226968941004</v>
      </c>
      <c r="O131" s="92">
        <v>8.4270163072194593E-2</v>
      </c>
      <c r="P131" s="137">
        <v>8.6544600930507337E-2</v>
      </c>
      <c r="Q131" s="92">
        <v>6.3791882869874014E-2</v>
      </c>
      <c r="R131" s="137">
        <v>6.7280685767880058E-2</v>
      </c>
      <c r="S131" s="92">
        <v>5.848905292775293E-2</v>
      </c>
      <c r="T131" s="136">
        <v>88</v>
      </c>
      <c r="U131" s="137">
        <v>0.71888670016018752</v>
      </c>
      <c r="V131" s="92">
        <v>9.4676623617644284E-2</v>
      </c>
      <c r="W131" s="137">
        <v>9.5058101311940965E-2</v>
      </c>
      <c r="X131" s="92">
        <v>6.5928496478048326E-2</v>
      </c>
      <c r="Y131" s="137">
        <v>0.1263659245137613</v>
      </c>
      <c r="Z131" s="92">
        <v>7.2912401280633934E-2</v>
      </c>
      <c r="AA131" s="137">
        <v>5.9689274014110262E-2</v>
      </c>
      <c r="AB131" s="92">
        <v>5.6190105218940169E-2</v>
      </c>
      <c r="AC131" s="136">
        <v>88</v>
      </c>
      <c r="AD131" s="137">
        <v>0.61242254628508208</v>
      </c>
      <c r="AE131" s="92">
        <v>0.10181746406999237</v>
      </c>
      <c r="AF131" s="137">
        <v>0.17795977417195213</v>
      </c>
      <c r="AG131" s="92">
        <v>8.212193922879836E-2</v>
      </c>
      <c r="AH131" s="137">
        <v>0.16878389083672032</v>
      </c>
      <c r="AI131" s="92">
        <v>8.0657083240837077E-2</v>
      </c>
      <c r="AJ131" s="137">
        <v>4.0833788706245523E-2</v>
      </c>
      <c r="AK131" s="92">
        <v>4.9826305482693449E-2</v>
      </c>
    </row>
    <row r="132" spans="1:37">
      <c r="A132" s="40" t="s">
        <v>538</v>
      </c>
      <c r="B132" s="78">
        <v>90</v>
      </c>
      <c r="C132" s="93">
        <v>0.29788451976483832</v>
      </c>
      <c r="D132" s="89">
        <v>9.5103977557185734E-2</v>
      </c>
      <c r="E132" s="93">
        <v>0.32749156098472443</v>
      </c>
      <c r="F132" s="89">
        <v>9.7352101890305937E-2</v>
      </c>
      <c r="G132" s="93">
        <v>0.37462391925043742</v>
      </c>
      <c r="H132" s="89">
        <v>0.10012549051901631</v>
      </c>
      <c r="I132" s="93">
        <v>0</v>
      </c>
      <c r="J132" s="89">
        <v>2.976782656907849E-2</v>
      </c>
      <c r="K132" s="78">
        <v>89</v>
      </c>
      <c r="L132" s="93">
        <v>0.48116231172970608</v>
      </c>
      <c r="M132" s="89">
        <v>0.10362774787233356</v>
      </c>
      <c r="N132" s="93">
        <v>0.26242456750049015</v>
      </c>
      <c r="O132" s="89">
        <v>9.2354793547490974E-2</v>
      </c>
      <c r="P132" s="93">
        <v>0.17712154830764992</v>
      </c>
      <c r="Q132" s="89">
        <v>8.1524304531288186E-2</v>
      </c>
      <c r="R132" s="93">
        <v>7.9291572462153917E-2</v>
      </c>
      <c r="S132" s="89">
        <v>6.1487796428256254E-2</v>
      </c>
      <c r="T132" s="78">
        <v>89</v>
      </c>
      <c r="U132" s="93">
        <v>0.59892857274250033</v>
      </c>
      <c r="V132" s="89">
        <v>0.10181934522246171</v>
      </c>
      <c r="W132" s="93">
        <v>9.6300265884216113E-2</v>
      </c>
      <c r="X132" s="89">
        <v>6.5826183527041379E-2</v>
      </c>
      <c r="Y132" s="93">
        <v>0.2708042253814455</v>
      </c>
      <c r="Z132" s="89">
        <v>9.3185187157225999E-2</v>
      </c>
      <c r="AA132" s="93">
        <v>3.3966935991838219E-2</v>
      </c>
      <c r="AB132" s="89">
        <v>4.6878539413140984E-2</v>
      </c>
      <c r="AC132" s="78">
        <v>89</v>
      </c>
      <c r="AD132" s="93">
        <v>0.54889042848797509</v>
      </c>
      <c r="AE132" s="89">
        <v>0.1032401770468689</v>
      </c>
      <c r="AF132" s="93">
        <v>0.21797283508662715</v>
      </c>
      <c r="AG132" s="89">
        <v>8.7290302624834351E-2</v>
      </c>
      <c r="AH132" s="93">
        <v>0.16470608703554757</v>
      </c>
      <c r="AI132" s="89">
        <v>7.9525671796016065E-2</v>
      </c>
      <c r="AJ132" s="93">
        <v>6.843064938985019E-2</v>
      </c>
      <c r="AK132" s="89">
        <v>5.8447671520003144E-2</v>
      </c>
    </row>
    <row r="133" spans="1:37">
      <c r="A133" s="44" t="s">
        <v>539</v>
      </c>
      <c r="B133" s="136">
        <v>100</v>
      </c>
      <c r="C133" s="137">
        <v>0.35551485317984322</v>
      </c>
      <c r="D133" s="92">
        <v>9.4196807811844072E-2</v>
      </c>
      <c r="E133" s="137">
        <v>0.22639932791220613</v>
      </c>
      <c r="F133" s="92">
        <v>8.3387462745909899E-2</v>
      </c>
      <c r="G133" s="137">
        <v>0.41808581890795132</v>
      </c>
      <c r="H133" s="92">
        <v>9.6833777025129159E-2</v>
      </c>
      <c r="I133" s="137">
        <v>0</v>
      </c>
      <c r="J133" s="92">
        <v>2.693364120714959E-2</v>
      </c>
      <c r="K133" s="136">
        <v>100</v>
      </c>
      <c r="L133" s="137">
        <v>0.40168968517329295</v>
      </c>
      <c r="M133" s="92">
        <v>9.6289675142163259E-2</v>
      </c>
      <c r="N133" s="137">
        <v>0.22066026284342258</v>
      </c>
      <c r="O133" s="92">
        <v>8.2708069066348894E-2</v>
      </c>
      <c r="P133" s="137">
        <v>0.32959336096571645</v>
      </c>
      <c r="Q133" s="92">
        <v>9.264330810321926E-2</v>
      </c>
      <c r="R133" s="137">
        <v>4.8056691017568702E-2</v>
      </c>
      <c r="S133" s="92">
        <v>4.8499344472021325E-2</v>
      </c>
      <c r="T133" s="136">
        <v>100</v>
      </c>
      <c r="U133" s="137">
        <v>0.51157271780860225</v>
      </c>
      <c r="V133" s="92">
        <v>9.8033780720797062E-2</v>
      </c>
      <c r="W133" s="137">
        <v>0.22419097651567629</v>
      </c>
      <c r="X133" s="92">
        <v>8.3128361822597641E-2</v>
      </c>
      <c r="Y133" s="137">
        <v>0.20657133986835979</v>
      </c>
      <c r="Z133" s="92">
        <v>8.0954726197028579E-2</v>
      </c>
      <c r="AA133" s="137">
        <v>5.7664965807362252E-2</v>
      </c>
      <c r="AB133" s="92">
        <v>5.1553210076008722E-2</v>
      </c>
      <c r="AC133" s="136">
        <v>100</v>
      </c>
      <c r="AD133" s="137">
        <v>0.39742720238556811</v>
      </c>
      <c r="AE133" s="92">
        <v>9.6131436217961219E-2</v>
      </c>
      <c r="AF133" s="137">
        <v>0.12309718947630949</v>
      </c>
      <c r="AG133" s="92">
        <v>6.755666952953425E-2</v>
      </c>
      <c r="AH133" s="137">
        <v>0.43630471704499918</v>
      </c>
      <c r="AI133" s="92">
        <v>9.7319654330241812E-2</v>
      </c>
      <c r="AJ133" s="137">
        <v>4.3170891093123859E-2</v>
      </c>
      <c r="AK133" s="92">
        <v>4.6843332595326775E-2</v>
      </c>
    </row>
    <row r="134" spans="1:37">
      <c r="A134" s="40" t="s">
        <v>540</v>
      </c>
      <c r="B134" s="134">
        <v>114</v>
      </c>
      <c r="C134" s="135">
        <v>0.43368107036655873</v>
      </c>
      <c r="D134" s="89">
        <v>9.1298528530963402E-2</v>
      </c>
      <c r="E134" s="135">
        <v>0.30333118764879091</v>
      </c>
      <c r="F134" s="89">
        <v>8.5151751333025785E-2</v>
      </c>
      <c r="G134" s="135">
        <v>0.26298774198465041</v>
      </c>
      <c r="H134" s="89">
        <v>8.1836774518740996E-2</v>
      </c>
      <c r="I134" s="135">
        <v>0</v>
      </c>
      <c r="J134" s="89">
        <v>2.3765720057393202E-2</v>
      </c>
      <c r="K134" s="134">
        <v>112</v>
      </c>
      <c r="L134" s="135">
        <v>0.52711090119712167</v>
      </c>
      <c r="M134" s="89">
        <v>9.2720346090886224E-2</v>
      </c>
      <c r="N134" s="135">
        <v>0.21460578494762886</v>
      </c>
      <c r="O134" s="89">
        <v>7.7475363109474712E-2</v>
      </c>
      <c r="P134" s="135">
        <v>0.23440715962009023</v>
      </c>
      <c r="Q134" s="89">
        <v>7.9706652764578334E-2</v>
      </c>
      <c r="R134" s="135">
        <v>2.3876154235159364E-2</v>
      </c>
      <c r="S134" s="89">
        <v>3.6516691453919892E-2</v>
      </c>
      <c r="T134" s="134">
        <v>114</v>
      </c>
      <c r="U134" s="135">
        <v>0.63060935357710279</v>
      </c>
      <c r="V134" s="89">
        <v>8.9077784254046763E-2</v>
      </c>
      <c r="W134" s="135">
        <v>0.15102937967311228</v>
      </c>
      <c r="X134" s="89">
        <v>6.7982019918355785E-2</v>
      </c>
      <c r="Y134" s="135">
        <v>0.18102620553876952</v>
      </c>
      <c r="Z134" s="89">
        <v>7.2494703952982562E-2</v>
      </c>
      <c r="AA134" s="135">
        <v>3.7335061211015451E-2</v>
      </c>
      <c r="AB134" s="89">
        <v>4.1254745820429872E-2</v>
      </c>
      <c r="AC134" s="134">
        <v>113</v>
      </c>
      <c r="AD134" s="135">
        <v>0.47278634152585058</v>
      </c>
      <c r="AE134" s="89">
        <v>9.232221340996731E-2</v>
      </c>
      <c r="AF134" s="135">
        <v>0.20246147623623473</v>
      </c>
      <c r="AG134" s="89">
        <v>7.5655681763177052E-2</v>
      </c>
      <c r="AH134" s="135">
        <v>0.28340820730270511</v>
      </c>
      <c r="AI134" s="89">
        <v>8.3970043906907654E-2</v>
      </c>
      <c r="AJ134" s="135">
        <v>4.1343974935209714E-2</v>
      </c>
      <c r="AK134" s="89">
        <v>4.2876378291380669E-2</v>
      </c>
    </row>
    <row r="135" spans="1:37">
      <c r="A135" s="44" t="s">
        <v>541</v>
      </c>
      <c r="B135" s="136">
        <v>113</v>
      </c>
      <c r="C135" s="137">
        <v>0.4732555020034141</v>
      </c>
      <c r="D135" s="92">
        <v>9.2326585522472138E-2</v>
      </c>
      <c r="E135" s="137">
        <v>0.2505961470199401</v>
      </c>
      <c r="F135" s="92">
        <v>8.1014541740378532E-2</v>
      </c>
      <c r="G135" s="137">
        <v>0.27614835097664597</v>
      </c>
      <c r="H135" s="92">
        <v>8.3360644722882002E-2</v>
      </c>
      <c r="I135" s="137">
        <v>0</v>
      </c>
      <c r="J135" s="92">
        <v>2.3967079753657358E-2</v>
      </c>
      <c r="K135" s="136">
        <v>113</v>
      </c>
      <c r="L135" s="137">
        <v>0.57611472217134851</v>
      </c>
      <c r="M135" s="92">
        <v>9.1445357268554142E-2</v>
      </c>
      <c r="N135" s="137">
        <v>0.19920855267466808</v>
      </c>
      <c r="O135" s="92">
        <v>7.524435728366595E-2</v>
      </c>
      <c r="P135" s="137">
        <v>0.1717571584017076</v>
      </c>
      <c r="Q135" s="92">
        <v>7.1491502506319415E-2</v>
      </c>
      <c r="R135" s="137">
        <v>5.2919566752275833E-2</v>
      </c>
      <c r="S135" s="92">
        <v>4.661261781774189E-2</v>
      </c>
      <c r="T135" s="136">
        <v>112</v>
      </c>
      <c r="U135" s="137">
        <v>0.67744359111497077</v>
      </c>
      <c r="V135" s="92">
        <v>8.7226972445774834E-2</v>
      </c>
      <c r="W135" s="137">
        <v>0.16064682216899429</v>
      </c>
      <c r="X135" s="92">
        <v>7.0134008844434242E-2</v>
      </c>
      <c r="Y135" s="137">
        <v>0.14148802878394132</v>
      </c>
      <c r="Z135" s="92">
        <v>6.6999879298273377E-2</v>
      </c>
      <c r="AA135" s="137">
        <v>2.0421557932093767E-2</v>
      </c>
      <c r="AB135" s="92">
        <v>3.5033381477183684E-2</v>
      </c>
      <c r="AC135" s="136">
        <v>113</v>
      </c>
      <c r="AD135" s="137">
        <v>0.58693108065028421</v>
      </c>
      <c r="AE135" s="92">
        <v>9.113732912654314E-2</v>
      </c>
      <c r="AF135" s="137">
        <v>0.28087102532075492</v>
      </c>
      <c r="AG135" s="92">
        <v>8.3759855535672098E-2</v>
      </c>
      <c r="AH135" s="137">
        <v>0.10378162285583228</v>
      </c>
      <c r="AI135" s="92">
        <v>5.9502724558739228E-2</v>
      </c>
      <c r="AJ135" s="137">
        <v>2.8416271173128872E-2</v>
      </c>
      <c r="AK135" s="92">
        <v>3.8142821054012559E-2</v>
      </c>
    </row>
    <row r="136" spans="1:37">
      <c r="A136" s="40" t="s">
        <v>542</v>
      </c>
      <c r="B136" s="78">
        <v>171</v>
      </c>
      <c r="C136" s="93">
        <v>0.39592295286463908</v>
      </c>
      <c r="D136" s="89">
        <v>7.4012738312034879E-2</v>
      </c>
      <c r="E136" s="93">
        <v>0.30016955049769189</v>
      </c>
      <c r="F136" s="89">
        <v>6.9590212990190067E-2</v>
      </c>
      <c r="G136" s="93">
        <v>0.28703322651874713</v>
      </c>
      <c r="H136" s="89">
        <v>6.8734657045935052E-2</v>
      </c>
      <c r="I136" s="93">
        <v>1.6874270118921293E-2</v>
      </c>
      <c r="J136" s="89">
        <v>2.4905662933209737E-2</v>
      </c>
      <c r="K136" s="78">
        <v>172</v>
      </c>
      <c r="L136" s="93">
        <v>0.60656585295186982</v>
      </c>
      <c r="M136" s="89">
        <v>7.3724617778320498E-2</v>
      </c>
      <c r="N136" s="93">
        <v>0.1468643947354894</v>
      </c>
      <c r="O136" s="89">
        <v>5.4543399873111596E-2</v>
      </c>
      <c r="P136" s="93">
        <v>0.21892497535144945</v>
      </c>
      <c r="Q136" s="89">
        <v>6.2983958321074909E-2</v>
      </c>
      <c r="R136" s="93">
        <v>2.7644776961191289E-2</v>
      </c>
      <c r="S136" s="89">
        <v>2.8962000614640309E-2</v>
      </c>
      <c r="T136" s="78">
        <v>172</v>
      </c>
      <c r="U136" s="93">
        <v>0.68301558701499332</v>
      </c>
      <c r="V136" s="89">
        <v>7.0390224095354059E-2</v>
      </c>
      <c r="W136" s="93">
        <v>9.8048359293229234E-2</v>
      </c>
      <c r="X136" s="89">
        <v>4.6635748732283724E-2</v>
      </c>
      <c r="Y136" s="93">
        <v>0.18900171724998988</v>
      </c>
      <c r="Z136" s="89">
        <v>5.9853318815810547E-2</v>
      </c>
      <c r="AA136" s="93">
        <v>2.9934336441787585E-2</v>
      </c>
      <c r="AB136" s="89">
        <v>2.9759587351747569E-2</v>
      </c>
      <c r="AC136" s="78">
        <v>171</v>
      </c>
      <c r="AD136" s="93">
        <v>0.58835053155369732</v>
      </c>
      <c r="AE136" s="89">
        <v>7.4457572617764894E-2</v>
      </c>
      <c r="AF136" s="93">
        <v>0.21977214874779308</v>
      </c>
      <c r="AG136" s="89">
        <v>6.3249376743725286E-2</v>
      </c>
      <c r="AH136" s="93">
        <v>0.16981500564590346</v>
      </c>
      <c r="AI136" s="89">
        <v>5.7749167924792372E-2</v>
      </c>
      <c r="AJ136" s="93">
        <v>2.2062314052605857E-2</v>
      </c>
      <c r="AK136" s="89">
        <v>2.7002005416544517E-2</v>
      </c>
    </row>
    <row r="137" spans="1:37">
      <c r="A137" s="44" t="s">
        <v>547</v>
      </c>
      <c r="B137" s="136">
        <v>71</v>
      </c>
      <c r="C137" s="137">
        <v>0.38790676005817271</v>
      </c>
      <c r="D137" s="92">
        <v>0.11283961971391916</v>
      </c>
      <c r="E137" s="137">
        <v>0.33889328884200209</v>
      </c>
      <c r="F137" s="92">
        <v>0.10996711558375757</v>
      </c>
      <c r="G137" s="137">
        <v>0.23704212700257049</v>
      </c>
      <c r="H137" s="92">
        <v>0.10014180237392775</v>
      </c>
      <c r="I137" s="137">
        <v>3.6157824097255056E-2</v>
      </c>
      <c r="J137" s="92">
        <v>5.5226921798995729E-2</v>
      </c>
      <c r="K137" s="136">
        <v>72</v>
      </c>
      <c r="L137" s="137">
        <v>0.74128566973136556</v>
      </c>
      <c r="M137" s="92">
        <v>0.10201863781811064</v>
      </c>
      <c r="N137" s="137">
        <v>9.6698101722228799E-2</v>
      </c>
      <c r="O137" s="92">
        <v>7.3990869142244148E-2</v>
      </c>
      <c r="P137" s="137">
        <v>0.11619996478805029</v>
      </c>
      <c r="Q137" s="92">
        <v>7.8738412929195034E-2</v>
      </c>
      <c r="R137" s="137">
        <v>4.5816263758355374E-2</v>
      </c>
      <c r="S137" s="92">
        <v>5.842660667078186E-2</v>
      </c>
      <c r="T137" s="136">
        <v>72</v>
      </c>
      <c r="U137" s="137">
        <v>0.79369576785430507</v>
      </c>
      <c r="V137" s="92">
        <v>9.5306586178529357E-2</v>
      </c>
      <c r="W137" s="137">
        <v>0.10833803440551466</v>
      </c>
      <c r="X137" s="92">
        <v>7.688790530226336E-2</v>
      </c>
      <c r="Y137" s="137">
        <v>4.2603417356230182E-2</v>
      </c>
      <c r="Z137" s="92">
        <v>5.7230425206825662E-2</v>
      </c>
      <c r="AA137" s="137">
        <v>5.5362780383950122E-2</v>
      </c>
      <c r="AB137" s="92">
        <v>6.179799654066611E-2</v>
      </c>
      <c r="AC137" s="136">
        <v>71</v>
      </c>
      <c r="AD137" s="137">
        <v>0.68238604495496291</v>
      </c>
      <c r="AE137" s="92">
        <v>0.10836701650808489</v>
      </c>
      <c r="AF137" s="137">
        <v>0.20324809355639262</v>
      </c>
      <c r="AG137" s="92">
        <v>9.5521325167671325E-2</v>
      </c>
      <c r="AH137" s="137">
        <v>6.7091208121680526E-2</v>
      </c>
      <c r="AI137" s="92">
        <v>6.6150254370522674E-2</v>
      </c>
      <c r="AJ137" s="137">
        <v>4.727465336696391E-2</v>
      </c>
      <c r="AK137" s="92">
        <v>5.947287921797647E-2</v>
      </c>
    </row>
    <row r="138" spans="1:37">
      <c r="A138" s="52" t="s">
        <v>548</v>
      </c>
      <c r="B138" s="134">
        <v>123</v>
      </c>
      <c r="C138" s="135">
        <v>0.34681717254958988</v>
      </c>
      <c r="D138" s="89">
        <v>8.4739499469577206E-2</v>
      </c>
      <c r="E138" s="135">
        <v>0.27161032400835344</v>
      </c>
      <c r="F138" s="89">
        <v>7.9580038786827276E-2</v>
      </c>
      <c r="G138" s="135">
        <v>0.38157250344205629</v>
      </c>
      <c r="H138" s="89">
        <v>8.6369374175933503E-2</v>
      </c>
      <c r="I138" s="135">
        <v>0</v>
      </c>
      <c r="J138" s="89">
        <v>2.2095020994736762E-2</v>
      </c>
      <c r="K138" s="134">
        <v>123</v>
      </c>
      <c r="L138" s="135">
        <v>0.2393026194070485</v>
      </c>
      <c r="M138" s="89">
        <v>7.659086475055403E-2</v>
      </c>
      <c r="N138" s="135">
        <v>0.28993771440124833</v>
      </c>
      <c r="O138" s="89">
        <v>8.105789974921912E-2</v>
      </c>
      <c r="P138" s="135">
        <v>0.43432593266438735</v>
      </c>
      <c r="Q138" s="89">
        <v>8.8014731867796889E-2</v>
      </c>
      <c r="R138" s="135">
        <v>3.6433733527315382E-2</v>
      </c>
      <c r="S138" s="89">
        <v>3.9055684698973678E-2</v>
      </c>
      <c r="T138" s="134">
        <v>123</v>
      </c>
      <c r="U138" s="135">
        <v>0.47393129367046621</v>
      </c>
      <c r="V138" s="89">
        <v>8.8622450797752758E-2</v>
      </c>
      <c r="W138" s="135">
        <v>0.17139864632840709</v>
      </c>
      <c r="X138" s="89">
        <v>6.8439490472421566E-2</v>
      </c>
      <c r="Y138" s="135">
        <v>0.32047138384134344</v>
      </c>
      <c r="Z138" s="89">
        <v>8.3197473550750009E-2</v>
      </c>
      <c r="AA138" s="135">
        <v>3.4198676159783031E-2</v>
      </c>
      <c r="AB138" s="89">
        <v>3.8261984487475406E-2</v>
      </c>
      <c r="AC138" s="134">
        <v>123</v>
      </c>
      <c r="AD138" s="135">
        <v>0.27014540767122702</v>
      </c>
      <c r="AE138" s="89">
        <v>7.9455336281758382E-2</v>
      </c>
      <c r="AF138" s="135">
        <v>0.26166871173656181</v>
      </c>
      <c r="AG138" s="89">
        <v>7.8714057586904668E-2</v>
      </c>
      <c r="AH138" s="135">
        <v>0.43353060079425015</v>
      </c>
      <c r="AI138" s="89">
        <v>8.7997091351535009E-2</v>
      </c>
      <c r="AJ138" s="135">
        <v>3.4655279797960563E-2</v>
      </c>
      <c r="AK138" s="89">
        <v>3.8425775538151553E-2</v>
      </c>
    </row>
    <row r="139" spans="1:37">
      <c r="A139" s="44" t="s">
        <v>549</v>
      </c>
      <c r="B139" s="136">
        <v>103</v>
      </c>
      <c r="C139" s="137">
        <v>0.25704880747805059</v>
      </c>
      <c r="D139" s="92">
        <v>8.544667360286487E-2</v>
      </c>
      <c r="E139" s="137">
        <v>0.19966105334842324</v>
      </c>
      <c r="F139" s="92">
        <v>7.8874001784984243E-2</v>
      </c>
      <c r="G139" s="137">
        <v>0.53701929547284788</v>
      </c>
      <c r="H139" s="92">
        <v>9.6427808164037981E-2</v>
      </c>
      <c r="I139" s="137">
        <v>6.2708437006791032E-3</v>
      </c>
      <c r="J139" s="92">
        <v>3.0025866743618561E-2</v>
      </c>
      <c r="K139" s="136">
        <v>101</v>
      </c>
      <c r="L139" s="137">
        <v>0.42012260772485388</v>
      </c>
      <c r="M139" s="92">
        <v>9.6430872001018936E-2</v>
      </c>
      <c r="N139" s="137">
        <v>0.25154384429764948</v>
      </c>
      <c r="O139" s="92">
        <v>8.5720081723180186E-2</v>
      </c>
      <c r="P139" s="137">
        <v>0.27152730564781336</v>
      </c>
      <c r="Q139" s="92">
        <v>8.7657688909450901E-2</v>
      </c>
      <c r="R139" s="137">
        <v>5.6806242329684238E-2</v>
      </c>
      <c r="S139" s="92">
        <v>5.0993790604502896E-2</v>
      </c>
      <c r="T139" s="136">
        <v>100</v>
      </c>
      <c r="U139" s="137">
        <v>0.54160645252644857</v>
      </c>
      <c r="V139" s="92">
        <v>9.7743680420018353E-2</v>
      </c>
      <c r="W139" s="137">
        <v>0.20451169322231444</v>
      </c>
      <c r="X139" s="92">
        <v>8.0687886217690533E-2</v>
      </c>
      <c r="Y139" s="137">
        <v>0.18284869694096517</v>
      </c>
      <c r="Z139" s="92">
        <v>7.7708419610240151E-2</v>
      </c>
      <c r="AA139" s="137">
        <v>7.1033157310272585E-2</v>
      </c>
      <c r="AB139" s="92">
        <v>5.542494983084733E-2</v>
      </c>
      <c r="AC139" s="136">
        <v>101</v>
      </c>
      <c r="AD139" s="137">
        <v>0.32949587433958399</v>
      </c>
      <c r="AE139" s="92">
        <v>9.2190514201327567E-2</v>
      </c>
      <c r="AF139" s="137">
        <v>0.23749969368270743</v>
      </c>
      <c r="AG139" s="92">
        <v>8.4231789316915301E-2</v>
      </c>
      <c r="AH139" s="137">
        <v>0.37887671749691498</v>
      </c>
      <c r="AI139" s="92">
        <v>9.4903587853549701E-2</v>
      </c>
      <c r="AJ139" s="137">
        <v>5.4127714480794668E-2</v>
      </c>
      <c r="AK139" s="92">
        <v>5.0164005427638686E-2</v>
      </c>
    </row>
    <row r="140" spans="1:37">
      <c r="A140" s="52" t="s">
        <v>550</v>
      </c>
      <c r="B140" s="134">
        <v>133</v>
      </c>
      <c r="C140" s="135">
        <v>0.36834023699501367</v>
      </c>
      <c r="D140" s="89">
        <v>8.2597105223072231E-2</v>
      </c>
      <c r="E140" s="135">
        <v>0.19982601323596627</v>
      </c>
      <c r="F140" s="89">
        <v>6.9425239632052979E-2</v>
      </c>
      <c r="G140" s="135">
        <v>0.39430910772511274</v>
      </c>
      <c r="H140" s="89">
        <v>8.3617517892538532E-2</v>
      </c>
      <c r="I140" s="135">
        <v>3.7524642043907028E-2</v>
      </c>
      <c r="J140" s="89">
        <v>3.7600962512239898E-2</v>
      </c>
      <c r="K140" s="134">
        <v>131</v>
      </c>
      <c r="L140" s="135">
        <v>0.38101594883984791</v>
      </c>
      <c r="M140" s="89">
        <v>8.3740217727569941E-2</v>
      </c>
      <c r="N140" s="135">
        <v>0.21783095637631214</v>
      </c>
      <c r="O140" s="89">
        <v>7.201417897960348E-2</v>
      </c>
      <c r="P140" s="135">
        <v>0.30687092425532753</v>
      </c>
      <c r="Q140" s="89">
        <v>7.9792084730691035E-2</v>
      </c>
      <c r="R140" s="135">
        <v>9.4282170528512482E-2</v>
      </c>
      <c r="S140" s="89">
        <v>5.3055671191893382E-2</v>
      </c>
      <c r="T140" s="134">
        <v>131</v>
      </c>
      <c r="U140" s="135">
        <v>0.55002865725284078</v>
      </c>
      <c r="V140" s="89">
        <v>8.5659663209978684E-2</v>
      </c>
      <c r="W140" s="135">
        <v>0.17884200583097778</v>
      </c>
      <c r="X140" s="89">
        <v>6.7303434085278641E-2</v>
      </c>
      <c r="Y140" s="135">
        <v>0.15942271153217763</v>
      </c>
      <c r="Z140" s="89">
        <v>6.4585041587578121E-2</v>
      </c>
      <c r="AA140" s="135">
        <v>0.11170662538400405</v>
      </c>
      <c r="AB140" s="89">
        <v>5.6576532858587797E-2</v>
      </c>
      <c r="AC140" s="134">
        <v>132</v>
      </c>
      <c r="AD140" s="135">
        <v>0.28366987424255885</v>
      </c>
      <c r="AE140" s="89">
        <v>7.78221311789941E-2</v>
      </c>
      <c r="AF140" s="135">
        <v>0.2384614408788627</v>
      </c>
      <c r="AG140" s="89">
        <v>7.3876304028034676E-2</v>
      </c>
      <c r="AH140" s="135">
        <v>0.3337441777479575</v>
      </c>
      <c r="AI140" s="89">
        <v>8.1160884477770395E-2</v>
      </c>
      <c r="AJ140" s="135">
        <v>0.14412450713062108</v>
      </c>
      <c r="AK140" s="89">
        <v>6.199926994671013E-2</v>
      </c>
    </row>
    <row r="141" spans="1:37">
      <c r="A141" s="44" t="s">
        <v>551</v>
      </c>
      <c r="B141" s="136">
        <v>124</v>
      </c>
      <c r="C141" s="137">
        <v>0.27275158512182301</v>
      </c>
      <c r="D141" s="92">
        <v>7.9359809880774373E-2</v>
      </c>
      <c r="E141" s="137">
        <v>0.24956204533203213</v>
      </c>
      <c r="F141" s="92">
        <v>7.7285899778083603E-2</v>
      </c>
      <c r="G141" s="137">
        <v>0.46120298642092838</v>
      </c>
      <c r="H141" s="92">
        <v>8.8138278666929318E-2</v>
      </c>
      <c r="I141" s="137">
        <v>1.6483383125216178E-2</v>
      </c>
      <c r="J141" s="92">
        <v>3.0920837546021502E-2</v>
      </c>
      <c r="K141" s="136">
        <v>124</v>
      </c>
      <c r="L141" s="137">
        <v>0.34568012160146472</v>
      </c>
      <c r="M141" s="92">
        <v>8.4345000725400771E-2</v>
      </c>
      <c r="N141" s="137">
        <v>0.22839499966455468</v>
      </c>
      <c r="O141" s="92">
        <v>7.5160092312787932E-2</v>
      </c>
      <c r="P141" s="137">
        <v>0.36158993829881714</v>
      </c>
      <c r="Q141" s="92">
        <v>8.5150836855240691E-2</v>
      </c>
      <c r="R141" s="137">
        <v>6.4334940435163149E-2</v>
      </c>
      <c r="S141" s="92">
        <v>4.739242856207946E-2</v>
      </c>
      <c r="T141" s="136">
        <v>123</v>
      </c>
      <c r="U141" s="137">
        <v>0.52393547152543807</v>
      </c>
      <c r="V141" s="92">
        <v>8.8640228952936093E-2</v>
      </c>
      <c r="W141" s="137">
        <v>0.185868041008875</v>
      </c>
      <c r="X141" s="92">
        <v>7.0418147180472651E-2</v>
      </c>
      <c r="Y141" s="137">
        <v>0.20383487489411425</v>
      </c>
      <c r="Z141" s="92">
        <v>7.2681915997509741E-2</v>
      </c>
      <c r="AA141" s="137">
        <v>8.636161257157253E-2</v>
      </c>
      <c r="AB141" s="92">
        <v>5.3096644028777E-2</v>
      </c>
      <c r="AC141" s="136">
        <v>124</v>
      </c>
      <c r="AD141" s="137">
        <v>0.27843481812830062</v>
      </c>
      <c r="AE141" s="92">
        <v>7.9829726065723985E-2</v>
      </c>
      <c r="AF141" s="137">
        <v>0.23192235105724726</v>
      </c>
      <c r="AG141" s="92">
        <v>7.5530580412523723E-2</v>
      </c>
      <c r="AH141" s="137">
        <v>0.4316540150563053</v>
      </c>
      <c r="AI141" s="92">
        <v>8.7609968932385041E-2</v>
      </c>
      <c r="AJ141" s="137">
        <v>5.7988815758146732E-2</v>
      </c>
      <c r="AK141" s="92">
        <v>4.563653488803418E-2</v>
      </c>
    </row>
    <row r="142" spans="1:37">
      <c r="A142" s="52" t="s">
        <v>543</v>
      </c>
      <c r="B142" s="134">
        <v>168</v>
      </c>
      <c r="C142" s="135">
        <v>0.43828479346232241</v>
      </c>
      <c r="D142" s="89">
        <v>7.5693126675780889E-2</v>
      </c>
      <c r="E142" s="135">
        <v>0.21449475545419092</v>
      </c>
      <c r="F142" s="89">
        <v>6.3288557325548389E-2</v>
      </c>
      <c r="G142" s="135">
        <v>0.34722045108348598</v>
      </c>
      <c r="H142" s="89">
        <v>7.2774171387415251E-2</v>
      </c>
      <c r="I142" s="135">
        <v>0</v>
      </c>
      <c r="J142" s="89">
        <v>1.6348457544826219E-2</v>
      </c>
      <c r="K142" s="134">
        <v>167</v>
      </c>
      <c r="L142" s="135">
        <v>0.26459313794911316</v>
      </c>
      <c r="M142" s="89">
        <v>6.7908756536347495E-2</v>
      </c>
      <c r="N142" s="135">
        <v>0.27289437028360641</v>
      </c>
      <c r="O142" s="89">
        <v>6.8536543161309568E-2</v>
      </c>
      <c r="P142" s="135">
        <v>0.41836435598679145</v>
      </c>
      <c r="Q142" s="89">
        <v>7.5493504436299042E-2</v>
      </c>
      <c r="R142" s="135">
        <v>4.4148135780488158E-2</v>
      </c>
      <c r="S142" s="89">
        <v>3.4811792916117482E-2</v>
      </c>
      <c r="T142" s="134">
        <v>168</v>
      </c>
      <c r="U142" s="135">
        <v>0.58101688786156358</v>
      </c>
      <c r="V142" s="89">
        <v>7.5288283786766386E-2</v>
      </c>
      <c r="W142" s="135">
        <v>0.19233797955137574</v>
      </c>
      <c r="X142" s="89">
        <v>6.0941353625925614E-2</v>
      </c>
      <c r="Y142" s="135">
        <v>0.14199557869970558</v>
      </c>
      <c r="Z142" s="89">
        <v>5.4500859995632679E-2</v>
      </c>
      <c r="AA142" s="135">
        <v>8.4649553887354345E-2</v>
      </c>
      <c r="AB142" s="89">
        <v>4.4568918221214872E-2</v>
      </c>
      <c r="AC142" s="134">
        <v>168</v>
      </c>
      <c r="AD142" s="135">
        <v>0.22791514332078805</v>
      </c>
      <c r="AE142" s="89">
        <v>6.4586890544936063E-2</v>
      </c>
      <c r="AF142" s="135">
        <v>0.24958883884044153</v>
      </c>
      <c r="AG142" s="89">
        <v>6.6503520370180313E-2</v>
      </c>
      <c r="AH142" s="135">
        <v>0.44400432660767186</v>
      </c>
      <c r="AI142" s="89">
        <v>7.5791732183764532E-2</v>
      </c>
      <c r="AJ142" s="135">
        <v>7.8491691231097699E-2</v>
      </c>
      <c r="AK142" s="89">
        <v>4.3267244851618557E-2</v>
      </c>
    </row>
    <row r="143" spans="1:37">
      <c r="A143" s="44" t="s">
        <v>544</v>
      </c>
      <c r="B143" s="136">
        <v>49</v>
      </c>
      <c r="C143" s="137">
        <v>0.54305300997613093</v>
      </c>
      <c r="D143" s="92">
        <v>0.1369246214280922</v>
      </c>
      <c r="E143" s="137">
        <v>0.22027994148163052</v>
      </c>
      <c r="F143" s="92">
        <v>0.11756052727995746</v>
      </c>
      <c r="G143" s="137">
        <v>0.23666704854223863</v>
      </c>
      <c r="H143" s="92">
        <v>0.11997730258379304</v>
      </c>
      <c r="I143" s="137">
        <v>0</v>
      </c>
      <c r="J143" s="92">
        <v>5.2349950714565462E-2</v>
      </c>
      <c r="K143" s="136">
        <v>48</v>
      </c>
      <c r="L143" s="137">
        <v>0.23967873544028315</v>
      </c>
      <c r="M143" s="92">
        <v>0.12161021185118044</v>
      </c>
      <c r="N143" s="137">
        <v>0.32201505555970222</v>
      </c>
      <c r="O143" s="92">
        <v>0.1309749092142585</v>
      </c>
      <c r="P143" s="137">
        <v>0.40260885174305977</v>
      </c>
      <c r="Q143" s="92">
        <v>0.13641511196452893</v>
      </c>
      <c r="R143" s="137">
        <v>3.5697357256954644E-2</v>
      </c>
      <c r="S143" s="92">
        <v>7.1421358809103233E-2</v>
      </c>
      <c r="T143" s="136">
        <v>49</v>
      </c>
      <c r="U143" s="137">
        <v>0.74150131675413145</v>
      </c>
      <c r="V143" s="92">
        <v>0.12290458414954276</v>
      </c>
      <c r="W143" s="137">
        <v>0.10577487030362502</v>
      </c>
      <c r="X143" s="92">
        <v>9.4033293994092645E-2</v>
      </c>
      <c r="Y143" s="137">
        <v>9.1930107444078257E-2</v>
      </c>
      <c r="Z143" s="92">
        <v>9.0142743679817713E-2</v>
      </c>
      <c r="AA143" s="137">
        <v>6.079370549816538E-2</v>
      </c>
      <c r="AB143" s="92">
        <v>8.0149093643622576E-2</v>
      </c>
      <c r="AC143" s="136">
        <v>49</v>
      </c>
      <c r="AD143" s="137">
        <v>0.1975490307649343</v>
      </c>
      <c r="AE143" s="92">
        <v>0.11387187425217417</v>
      </c>
      <c r="AF143" s="137">
        <v>0.27898751381836129</v>
      </c>
      <c r="AG143" s="92">
        <v>0.12536687648091524</v>
      </c>
      <c r="AH143" s="137">
        <v>0.4496711568267146</v>
      </c>
      <c r="AI143" s="92">
        <v>0.13676447684023404</v>
      </c>
      <c r="AJ143" s="137">
        <v>7.3792298589989661E-2</v>
      </c>
      <c r="AK143" s="92">
        <v>8.455505088644602E-2</v>
      </c>
    </row>
    <row r="144" spans="1:37">
      <c r="A144" s="52" t="s">
        <v>552</v>
      </c>
      <c r="B144" s="134">
        <v>119</v>
      </c>
      <c r="C144" s="135">
        <v>0.39415337518647819</v>
      </c>
      <c r="D144" s="89">
        <v>8.8255601991828622E-2</v>
      </c>
      <c r="E144" s="135">
        <v>0.21205786693135495</v>
      </c>
      <c r="F144" s="89">
        <v>7.4875334453564119E-2</v>
      </c>
      <c r="G144" s="135">
        <v>0.39378875788216605</v>
      </c>
      <c r="H144" s="89">
        <v>8.8242267060670343E-2</v>
      </c>
      <c r="I144" s="135">
        <v>0</v>
      </c>
      <c r="J144" s="89">
        <v>2.2807622255924295E-2</v>
      </c>
      <c r="K144" s="134">
        <v>119</v>
      </c>
      <c r="L144" s="135">
        <v>0.27484055165575172</v>
      </c>
      <c r="M144" s="89">
        <v>8.1159675740383935E-2</v>
      </c>
      <c r="N144" s="135">
        <v>0.25269079592940136</v>
      </c>
      <c r="O144" s="89">
        <v>7.9172854132526657E-2</v>
      </c>
      <c r="P144" s="135">
        <v>0.42484467073987453</v>
      </c>
      <c r="Q144" s="89">
        <v>8.9208456635980482E-2</v>
      </c>
      <c r="R144" s="135">
        <v>4.7623981674971595E-2</v>
      </c>
      <c r="S144" s="89">
        <v>4.359820060348326E-2</v>
      </c>
      <c r="T144" s="134">
        <v>119</v>
      </c>
      <c r="U144" s="135">
        <v>0.51341618133159783</v>
      </c>
      <c r="V144" s="89">
        <v>9.0136576163056231E-2</v>
      </c>
      <c r="W144" s="135">
        <v>0.2288008774471951</v>
      </c>
      <c r="X144" s="89">
        <v>7.6754687914797962E-2</v>
      </c>
      <c r="Y144" s="135">
        <v>0.16308461053282974</v>
      </c>
      <c r="Z144" s="89">
        <v>6.837269133113251E-2</v>
      </c>
      <c r="AA144" s="135">
        <v>9.469833068837652E-2</v>
      </c>
      <c r="AB144" s="89">
        <v>5.5944520016896496E-2</v>
      </c>
      <c r="AC144" s="134">
        <v>119</v>
      </c>
      <c r="AD144" s="135">
        <v>0.24070623263399721</v>
      </c>
      <c r="AE144" s="89">
        <v>7.7996984106865522E-2</v>
      </c>
      <c r="AF144" s="135">
        <v>0.23720526235725156</v>
      </c>
      <c r="AG144" s="89">
        <v>7.7639497537429963E-2</v>
      </c>
      <c r="AH144" s="135">
        <v>0.44161729299178709</v>
      </c>
      <c r="AI144" s="89">
        <v>8.9589769384815846E-2</v>
      </c>
      <c r="AJ144" s="135">
        <v>8.0471212016963459E-2</v>
      </c>
      <c r="AK144" s="89">
        <v>5.2655314113505845E-2</v>
      </c>
    </row>
    <row r="145" spans="1:37">
      <c r="A145" s="44" t="s">
        <v>545</v>
      </c>
      <c r="B145" s="136">
        <v>191</v>
      </c>
      <c r="C145" s="137">
        <v>0.38369806649993893</v>
      </c>
      <c r="D145" s="92">
        <v>6.9728129532521083E-2</v>
      </c>
      <c r="E145" s="137">
        <v>0.19648954822489217</v>
      </c>
      <c r="F145" s="92">
        <v>5.7578818892347727E-2</v>
      </c>
      <c r="G145" s="137">
        <v>0.41517908087994904</v>
      </c>
      <c r="H145" s="92">
        <v>7.0615977994188867E-2</v>
      </c>
      <c r="I145" s="137">
        <v>4.6333043952190827E-3</v>
      </c>
      <c r="J145" s="92">
        <v>1.7291343721720153E-2</v>
      </c>
      <c r="K145" s="136">
        <v>191</v>
      </c>
      <c r="L145" s="137">
        <v>0.62696692564522882</v>
      </c>
      <c r="M145" s="92">
        <v>6.9361036071714399E-2</v>
      </c>
      <c r="N145" s="137">
        <v>0.1822605379892904</v>
      </c>
      <c r="O145" s="92">
        <v>5.6047788238621395E-2</v>
      </c>
      <c r="P145" s="137">
        <v>0.14911930562093262</v>
      </c>
      <c r="Q145" s="92">
        <v>5.2012207271121665E-2</v>
      </c>
      <c r="R145" s="137">
        <v>4.1653230744547277E-2</v>
      </c>
      <c r="S145" s="92">
        <v>3.1524863837648014E-2</v>
      </c>
      <c r="T145" s="136">
        <v>191</v>
      </c>
      <c r="U145" s="137">
        <v>0.81867100692006323</v>
      </c>
      <c r="V145" s="92">
        <v>5.594360944141432E-2</v>
      </c>
      <c r="W145" s="137">
        <v>8.9482166956767278E-2</v>
      </c>
      <c r="X145" s="92">
        <v>4.2563506518555123E-2</v>
      </c>
      <c r="Y145" s="137">
        <v>8.2471209755313649E-2</v>
      </c>
      <c r="Z145" s="92">
        <v>4.1199543754956158E-2</v>
      </c>
      <c r="AA145" s="137">
        <v>9.3756163678555202E-3</v>
      </c>
      <c r="AB145" s="92">
        <v>1.9774007340863833E-2</v>
      </c>
      <c r="AC145" s="136">
        <v>191</v>
      </c>
      <c r="AD145" s="137">
        <v>0.41638666825288245</v>
      </c>
      <c r="AE145" s="92">
        <v>7.0644314856633375E-2</v>
      </c>
      <c r="AF145" s="137">
        <v>0.24489356283804406</v>
      </c>
      <c r="AG145" s="92">
        <v>6.2027825301389637E-2</v>
      </c>
      <c r="AH145" s="137">
        <v>0.29581314576697582</v>
      </c>
      <c r="AI145" s="92">
        <v>6.5633111971764024E-2</v>
      </c>
      <c r="AJ145" s="137">
        <v>4.290662314209661E-2</v>
      </c>
      <c r="AK145" s="92">
        <v>3.1880995436664138E-2</v>
      </c>
    </row>
    <row r="147" spans="1:37">
      <c r="R147" s="238"/>
      <c r="S147" s="238"/>
      <c r="T147" s="238"/>
      <c r="U147" s="238"/>
      <c r="V147" s="238"/>
      <c r="W147" s="238"/>
      <c r="X147" s="238"/>
      <c r="Y147" s="238"/>
      <c r="Z147" s="238"/>
      <c r="AA147" s="238"/>
      <c r="AB147" s="238"/>
      <c r="AC147" s="238"/>
      <c r="AD147" s="238"/>
      <c r="AE147" s="238"/>
    </row>
  </sheetData>
  <mergeCells count="23">
    <mergeCell ref="A61:P61"/>
    <mergeCell ref="A62:P62"/>
    <mergeCell ref="A3:D3"/>
    <mergeCell ref="A4:D4"/>
    <mergeCell ref="A5:D5"/>
    <mergeCell ref="A32:Q32"/>
    <mergeCell ref="A33:Q33"/>
    <mergeCell ref="K121:S121"/>
    <mergeCell ref="B121:J121"/>
    <mergeCell ref="T121:AB121"/>
    <mergeCell ref="I34:Q34"/>
    <mergeCell ref="A120:AK120"/>
    <mergeCell ref="A119:AK119"/>
    <mergeCell ref="AC121:AK121"/>
    <mergeCell ref="B34:H34"/>
    <mergeCell ref="A90:D90"/>
    <mergeCell ref="A91:D91"/>
    <mergeCell ref="A92:D92"/>
    <mergeCell ref="B63:H63"/>
    <mergeCell ref="I63:J63"/>
    <mergeCell ref="K63:L63"/>
    <mergeCell ref="M63:N63"/>
    <mergeCell ref="O63:P63"/>
  </mergeCell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AB174"/>
  <sheetViews>
    <sheetView zoomScaleNormal="100" workbookViewId="0"/>
  </sheetViews>
  <sheetFormatPr defaultColWidth="16.5703125" defaultRowHeight="15"/>
  <cols>
    <col min="1" max="1" width="55.7109375" customWidth="1"/>
  </cols>
  <sheetData>
    <row r="1" spans="1:15" ht="31.5">
      <c r="A1" s="30" t="s">
        <v>40</v>
      </c>
    </row>
    <row r="3" spans="1:15" ht="18.75">
      <c r="A3" s="337" t="s">
        <v>3</v>
      </c>
      <c r="B3" s="337"/>
      <c r="C3" s="337"/>
      <c r="D3" s="337"/>
      <c r="E3" s="337"/>
      <c r="F3" s="337"/>
      <c r="G3" s="337"/>
      <c r="H3" s="337"/>
      <c r="I3" s="337"/>
      <c r="J3" s="337"/>
      <c r="K3" s="337"/>
      <c r="L3" s="337"/>
      <c r="M3" s="337"/>
      <c r="N3" s="337"/>
      <c r="O3" s="337"/>
    </row>
    <row r="4" spans="1:15" ht="42" customHeight="1">
      <c r="A4" s="356" t="s">
        <v>360</v>
      </c>
      <c r="B4" s="356"/>
      <c r="C4" s="356"/>
      <c r="D4" s="356"/>
      <c r="E4" s="356"/>
      <c r="F4" s="356"/>
      <c r="G4" s="356"/>
      <c r="H4" s="356"/>
      <c r="I4" s="356"/>
      <c r="J4" s="356"/>
      <c r="K4" s="356"/>
      <c r="L4" s="356"/>
      <c r="M4" s="356"/>
      <c r="N4" s="356"/>
      <c r="O4" s="356"/>
    </row>
    <row r="5" spans="1:15" ht="15.75">
      <c r="A5" s="404" t="s">
        <v>116</v>
      </c>
      <c r="B5" s="404"/>
      <c r="C5" s="404"/>
      <c r="D5" s="404"/>
      <c r="E5" s="397" t="s">
        <v>31</v>
      </c>
      <c r="F5" s="397"/>
      <c r="G5" s="397"/>
      <c r="H5" s="397"/>
      <c r="I5" s="397"/>
      <c r="J5" s="397"/>
      <c r="K5" s="397"/>
      <c r="L5" s="397"/>
      <c r="M5" s="397"/>
      <c r="N5" s="397"/>
      <c r="O5" s="397"/>
    </row>
    <row r="6" spans="1:15" ht="72">
      <c r="A6" s="32" t="s">
        <v>71</v>
      </c>
      <c r="B6" s="33" t="s">
        <v>72</v>
      </c>
      <c r="C6" s="34" t="s">
        <v>588</v>
      </c>
      <c r="D6" s="35" t="s">
        <v>73</v>
      </c>
      <c r="E6" s="60" t="s">
        <v>72</v>
      </c>
      <c r="F6" s="60" t="s">
        <v>307</v>
      </c>
      <c r="G6" s="83" t="s">
        <v>143</v>
      </c>
      <c r="H6" s="60" t="s">
        <v>308</v>
      </c>
      <c r="I6" s="83" t="s">
        <v>198</v>
      </c>
      <c r="J6" s="60" t="s">
        <v>309</v>
      </c>
      <c r="K6" s="83" t="s">
        <v>200</v>
      </c>
      <c r="L6" s="60" t="s">
        <v>310</v>
      </c>
      <c r="M6" s="83" t="s">
        <v>201</v>
      </c>
      <c r="N6" s="60" t="s">
        <v>311</v>
      </c>
      <c r="O6" s="83" t="s">
        <v>204</v>
      </c>
    </row>
    <row r="7" spans="1:15" ht="84">
      <c r="A7" s="36"/>
      <c r="B7" s="37" t="s">
        <v>74</v>
      </c>
      <c r="C7" s="38" t="s">
        <v>118</v>
      </c>
      <c r="D7" s="39" t="s">
        <v>76</v>
      </c>
      <c r="E7" s="63" t="s">
        <v>74</v>
      </c>
      <c r="F7" s="63" t="s">
        <v>199</v>
      </c>
      <c r="G7" s="85" t="s">
        <v>88</v>
      </c>
      <c r="H7" s="63" t="s">
        <v>197</v>
      </c>
      <c r="I7" s="85" t="s">
        <v>88</v>
      </c>
      <c r="J7" s="63" t="s">
        <v>179</v>
      </c>
      <c r="K7" s="85" t="s">
        <v>88</v>
      </c>
      <c r="L7" s="63" t="s">
        <v>202</v>
      </c>
      <c r="M7" s="85" t="s">
        <v>88</v>
      </c>
      <c r="N7" s="63" t="s">
        <v>203</v>
      </c>
      <c r="O7" s="85" t="s">
        <v>88</v>
      </c>
    </row>
    <row r="8" spans="1:15">
      <c r="A8" s="40" t="s">
        <v>350</v>
      </c>
      <c r="B8" s="138">
        <v>13292</v>
      </c>
      <c r="C8" s="139">
        <v>3.2157016365461688</v>
      </c>
      <c r="D8" s="125">
        <v>1.7780956282388603E-2</v>
      </c>
      <c r="E8" s="117">
        <v>13292</v>
      </c>
      <c r="F8" s="140">
        <v>6.2783561717994235E-2</v>
      </c>
      <c r="G8" s="89">
        <v>4.2114959915721759E-3</v>
      </c>
      <c r="H8" s="141">
        <v>0.17780663032393992</v>
      </c>
      <c r="I8" s="89">
        <v>6.6332015775098967E-3</v>
      </c>
      <c r="J8" s="141">
        <v>0.3416360823384445</v>
      </c>
      <c r="K8" s="89">
        <v>8.2261937645276111E-3</v>
      </c>
      <c r="L8" s="141">
        <v>0.31647206093319324</v>
      </c>
      <c r="M8" s="89">
        <v>8.0674383547051955E-3</v>
      </c>
      <c r="N8" s="141">
        <v>0.10130166468644919</v>
      </c>
      <c r="O8" s="89">
        <v>5.2361578177108868E-3</v>
      </c>
    </row>
    <row r="9" spans="1:15">
      <c r="A9" s="44" t="s">
        <v>351</v>
      </c>
      <c r="B9" s="142">
        <v>9796</v>
      </c>
      <c r="C9" s="143">
        <v>3.1677388723754865</v>
      </c>
      <c r="D9" s="127">
        <v>2.0622751460591306E-2</v>
      </c>
      <c r="E9" s="120">
        <v>9796</v>
      </c>
      <c r="F9" s="144">
        <v>6.6599940263533552E-2</v>
      </c>
      <c r="G9" s="92">
        <v>5.0433909924152802E-3</v>
      </c>
      <c r="H9" s="145">
        <v>0.19702726166794071</v>
      </c>
      <c r="I9" s="92">
        <v>8.0377283107085015E-3</v>
      </c>
      <c r="J9" s="145">
        <v>0.33133051246887235</v>
      </c>
      <c r="K9" s="92">
        <v>9.5099051097896903E-3</v>
      </c>
      <c r="L9" s="145">
        <v>0.31211855662881605</v>
      </c>
      <c r="M9" s="92">
        <v>9.3618717216014669E-3</v>
      </c>
      <c r="N9" s="145">
        <v>9.2923728970839517E-2</v>
      </c>
      <c r="O9" s="92">
        <v>5.8701651861999176E-3</v>
      </c>
    </row>
    <row r="10" spans="1:15">
      <c r="A10" s="40" t="s">
        <v>352</v>
      </c>
      <c r="B10" s="49">
        <v>3496</v>
      </c>
      <c r="C10" s="50">
        <v>3.2554944223628399</v>
      </c>
      <c r="D10" s="51">
        <v>3.5091350706499054E-2</v>
      </c>
      <c r="E10" s="78">
        <v>3496</v>
      </c>
      <c r="F10" s="93">
        <v>5.9617265181835959E-2</v>
      </c>
      <c r="G10" s="89">
        <v>8.036067128565123E-3</v>
      </c>
      <c r="H10" s="93">
        <v>0.16186004176594918</v>
      </c>
      <c r="I10" s="89">
        <v>1.246354981528444E-2</v>
      </c>
      <c r="J10" s="93">
        <v>0.35018620119896093</v>
      </c>
      <c r="K10" s="89">
        <v>1.6128310418774845E-2</v>
      </c>
      <c r="L10" s="93">
        <v>0.32008398921403775</v>
      </c>
      <c r="M10" s="89">
        <v>1.5773546564941746E-2</v>
      </c>
      <c r="N10" s="93">
        <v>0.10825250263921539</v>
      </c>
      <c r="O10" s="89">
        <v>1.0522600304761372E-2</v>
      </c>
    </row>
    <row r="11" spans="1:15">
      <c r="A11" s="44" t="s">
        <v>534</v>
      </c>
      <c r="B11" s="142">
        <v>1797</v>
      </c>
      <c r="C11" s="143">
        <v>3.1431801631641814</v>
      </c>
      <c r="D11" s="127">
        <v>4.8040014017034789E-2</v>
      </c>
      <c r="E11" s="120">
        <v>1797</v>
      </c>
      <c r="F11" s="144">
        <v>6.5459411433145751E-2</v>
      </c>
      <c r="G11" s="92">
        <v>1.1735783065348252E-2</v>
      </c>
      <c r="H11" s="145">
        <v>0.19644617727669417</v>
      </c>
      <c r="I11" s="92">
        <v>1.8748395616954766E-2</v>
      </c>
      <c r="J11" s="145">
        <v>0.35334098930410668</v>
      </c>
      <c r="K11" s="92">
        <v>2.2531935278855671E-2</v>
      </c>
      <c r="L11" s="145">
        <v>0.29896168066493745</v>
      </c>
      <c r="M11" s="92">
        <v>2.1584276853185123E-2</v>
      </c>
      <c r="N11" s="145">
        <v>8.5791741321116582E-2</v>
      </c>
      <c r="O11" s="92">
        <v>1.3262210622453452E-2</v>
      </c>
    </row>
    <row r="12" spans="1:15">
      <c r="A12" s="40" t="s">
        <v>535</v>
      </c>
      <c r="B12" s="49">
        <v>1469</v>
      </c>
      <c r="C12" s="50">
        <v>3.1299521481288557</v>
      </c>
      <c r="D12" s="51">
        <v>5.2752598567502113E-2</v>
      </c>
      <c r="E12" s="78">
        <v>1469</v>
      </c>
      <c r="F12" s="93">
        <v>6.494933878796369E-2</v>
      </c>
      <c r="G12" s="89">
        <v>1.2950106819343105E-2</v>
      </c>
      <c r="H12" s="93">
        <v>0.20263010586719754</v>
      </c>
      <c r="I12" s="89">
        <v>2.0977520655472617E-2</v>
      </c>
      <c r="J12" s="93">
        <v>0.34785131591706386</v>
      </c>
      <c r="K12" s="89">
        <v>2.4826695047343958E-2</v>
      </c>
      <c r="L12" s="93">
        <v>0.30665754728356964</v>
      </c>
      <c r="M12" s="89">
        <v>2.4040102367048278E-2</v>
      </c>
      <c r="N12" s="93">
        <v>7.7911692144206721E-2</v>
      </c>
      <c r="O12" s="89">
        <v>1.4061038715609446E-2</v>
      </c>
    </row>
    <row r="13" spans="1:15">
      <c r="A13" s="44" t="s">
        <v>546</v>
      </c>
      <c r="B13" s="142">
        <v>332</v>
      </c>
      <c r="C13" s="143">
        <v>3.1812681398832758</v>
      </c>
      <c r="D13" s="127">
        <v>0.11514117404547457</v>
      </c>
      <c r="E13" s="120">
        <v>332</v>
      </c>
      <c r="F13" s="144">
        <v>6.6360954957042584E-2</v>
      </c>
      <c r="G13" s="92">
        <v>2.8117046724681651E-2</v>
      </c>
      <c r="H13" s="145">
        <v>0.17753796435935648</v>
      </c>
      <c r="I13" s="92">
        <v>4.2042956380493456E-2</v>
      </c>
      <c r="J13" s="145">
        <v>0.37468272689456406</v>
      </c>
      <c r="K13" s="92">
        <v>5.2855065770091018E-2</v>
      </c>
      <c r="L13" s="145">
        <v>0.27130869342135777</v>
      </c>
      <c r="M13" s="92">
        <v>4.8665293377936257E-2</v>
      </c>
      <c r="N13" s="145">
        <v>0.11010966036767914</v>
      </c>
      <c r="O13" s="92">
        <v>3.4775362681279773E-2</v>
      </c>
    </row>
    <row r="14" spans="1:15">
      <c r="A14" s="40" t="s">
        <v>536</v>
      </c>
      <c r="B14" s="49">
        <v>284</v>
      </c>
      <c r="C14" s="50">
        <v>3.1068057470351524</v>
      </c>
      <c r="D14" s="51">
        <v>0.12161567025901261</v>
      </c>
      <c r="E14" s="78">
        <v>284</v>
      </c>
      <c r="F14" s="93">
        <v>8.4802020704927289E-2</v>
      </c>
      <c r="G14" s="89">
        <v>3.3822653745044527E-2</v>
      </c>
      <c r="H14" s="93">
        <v>0.18992507407485831</v>
      </c>
      <c r="I14" s="89">
        <v>4.6622855704797093E-2</v>
      </c>
      <c r="J14" s="93">
        <v>0.33241720022934929</v>
      </c>
      <c r="K14" s="89">
        <v>5.5614084290992932E-2</v>
      </c>
      <c r="L14" s="93">
        <v>0.31937654746186411</v>
      </c>
      <c r="M14" s="89">
        <v>5.5059957261924961E-2</v>
      </c>
      <c r="N14" s="93">
        <v>7.3479157529000541E-2</v>
      </c>
      <c r="O14" s="89">
        <v>3.1863034242120253E-2</v>
      </c>
    </row>
    <row r="15" spans="1:15">
      <c r="A15" s="44" t="s">
        <v>537</v>
      </c>
      <c r="B15" s="142">
        <v>81</v>
      </c>
      <c r="C15" s="143">
        <v>3.1110517435856404</v>
      </c>
      <c r="D15" s="127">
        <v>0.24700452646066856</v>
      </c>
      <c r="E15" s="120">
        <v>81</v>
      </c>
      <c r="F15" s="144">
        <v>0.12020648457475697</v>
      </c>
      <c r="G15" s="92">
        <v>7.4837322255533245E-2</v>
      </c>
      <c r="H15" s="145">
        <v>0.18593470290557942</v>
      </c>
      <c r="I15" s="92">
        <v>8.6888173602945193E-2</v>
      </c>
      <c r="J15" s="145">
        <v>0.27453774747576876</v>
      </c>
      <c r="K15" s="92">
        <v>9.7940799545310001E-2</v>
      </c>
      <c r="L15" s="145">
        <v>0.30124271444705358</v>
      </c>
      <c r="M15" s="92">
        <v>0.10038188826689648</v>
      </c>
      <c r="N15" s="145">
        <v>0.1180783505968411</v>
      </c>
      <c r="O15" s="92">
        <v>7.4373057426738179E-2</v>
      </c>
    </row>
    <row r="16" spans="1:15">
      <c r="A16" s="40" t="s">
        <v>538</v>
      </c>
      <c r="B16" s="49">
        <v>88</v>
      </c>
      <c r="C16" s="50">
        <v>3.150346173130087</v>
      </c>
      <c r="D16" s="51">
        <v>0.21164816637166656</v>
      </c>
      <c r="E16" s="78">
        <v>88</v>
      </c>
      <c r="F16" s="93">
        <v>4.3321134928817291E-2</v>
      </c>
      <c r="G16" s="89">
        <v>5.072750628700462E-2</v>
      </c>
      <c r="H16" s="93">
        <v>0.24269491200036269</v>
      </c>
      <c r="I16" s="89">
        <v>9.0751925179961196E-2</v>
      </c>
      <c r="J16" s="93">
        <v>0.29476322196329602</v>
      </c>
      <c r="K16" s="89">
        <v>9.5885129039198214E-2</v>
      </c>
      <c r="L16" s="93">
        <v>0.35875810722696416</v>
      </c>
      <c r="M16" s="89">
        <v>0.10037922350512896</v>
      </c>
      <c r="N16" s="93">
        <v>6.0462623880559931E-2</v>
      </c>
      <c r="O16" s="89">
        <v>5.6430446250248317E-2</v>
      </c>
    </row>
    <row r="17" spans="1:15">
      <c r="A17" s="44" t="s">
        <v>539</v>
      </c>
      <c r="B17" s="142">
        <v>97</v>
      </c>
      <c r="C17" s="143">
        <v>3.0660257187159097</v>
      </c>
      <c r="D17" s="127">
        <v>0.20446806145016061</v>
      </c>
      <c r="E17" s="120">
        <v>97</v>
      </c>
      <c r="F17" s="144">
        <v>0.10645773749849419</v>
      </c>
      <c r="G17" s="92">
        <v>6.5142323021265033E-2</v>
      </c>
      <c r="H17" s="145">
        <v>0.13732579313227769</v>
      </c>
      <c r="I17" s="92">
        <v>7.1387808950861026E-2</v>
      </c>
      <c r="J17" s="145">
        <v>0.4067791345526931</v>
      </c>
      <c r="K17" s="92">
        <v>9.7895593427209507E-2</v>
      </c>
      <c r="L17" s="145">
        <v>0.28260768278789578</v>
      </c>
      <c r="M17" s="92">
        <v>9.0413741097169584E-2</v>
      </c>
      <c r="N17" s="145">
        <v>6.6829652028639608E-2</v>
      </c>
      <c r="O17" s="92">
        <v>5.5197735520578523E-2</v>
      </c>
    </row>
    <row r="18" spans="1:15">
      <c r="A18" s="40" t="s">
        <v>540</v>
      </c>
      <c r="B18" s="138">
        <v>112</v>
      </c>
      <c r="C18" s="139">
        <v>3.276713858426648</v>
      </c>
      <c r="D18" s="125">
        <v>0.1995445264045547</v>
      </c>
      <c r="E18" s="117">
        <v>112</v>
      </c>
      <c r="F18" s="140">
        <v>5.2091663976343294E-2</v>
      </c>
      <c r="G18" s="89">
        <v>4.6600119317730351E-2</v>
      </c>
      <c r="H18" s="141">
        <v>0.21403881174992581</v>
      </c>
      <c r="I18" s="89">
        <v>7.7408129596584316E-2</v>
      </c>
      <c r="J18" s="141">
        <v>0.27964375542691017</v>
      </c>
      <c r="K18" s="89">
        <v>8.4022603357935988E-2</v>
      </c>
      <c r="L18" s="141">
        <v>0.31351553956438055</v>
      </c>
      <c r="M18" s="89">
        <v>8.6618579443633256E-2</v>
      </c>
      <c r="N18" s="141">
        <v>0.14071022928244031</v>
      </c>
      <c r="O18" s="89">
        <v>6.686581135270088E-2</v>
      </c>
    </row>
    <row r="19" spans="1:15">
      <c r="A19" s="44" t="s">
        <v>541</v>
      </c>
      <c r="B19" s="142">
        <v>108</v>
      </c>
      <c r="C19" s="143">
        <v>3.1467777847222269</v>
      </c>
      <c r="D19" s="127">
        <v>0.19112209539085015</v>
      </c>
      <c r="E19" s="120">
        <v>108</v>
      </c>
      <c r="F19" s="144">
        <v>4.468023852754234E-2</v>
      </c>
      <c r="G19" s="92">
        <v>4.5208948557003061E-2</v>
      </c>
      <c r="H19" s="145">
        <v>0.24171248927810896</v>
      </c>
      <c r="I19" s="92">
        <v>8.1933693480549866E-2</v>
      </c>
      <c r="J19" s="145">
        <v>0.32256010048555628</v>
      </c>
      <c r="K19" s="92">
        <v>8.8786229111633155E-2</v>
      </c>
      <c r="L19" s="145">
        <v>0.30424359236216475</v>
      </c>
      <c r="M19" s="92">
        <v>8.749851717957019E-2</v>
      </c>
      <c r="N19" s="145">
        <v>8.6803579346627233E-2</v>
      </c>
      <c r="O19" s="92">
        <v>5.7085787586122781E-2</v>
      </c>
    </row>
    <row r="20" spans="1:15">
      <c r="A20" s="40" t="s">
        <v>542</v>
      </c>
      <c r="B20" s="49">
        <v>164</v>
      </c>
      <c r="C20" s="50">
        <v>3.0035476389402747</v>
      </c>
      <c r="D20" s="51">
        <v>0.14231981482053307</v>
      </c>
      <c r="E20" s="78">
        <v>164</v>
      </c>
      <c r="F20" s="93">
        <v>4.9409649216070523E-2</v>
      </c>
      <c r="G20" s="89">
        <v>3.6684437128331429E-2</v>
      </c>
      <c r="H20" s="93">
        <v>0.2558937310103141</v>
      </c>
      <c r="I20" s="89">
        <v>6.7826084867261396E-2</v>
      </c>
      <c r="J20" s="93">
        <v>0.38719639384695265</v>
      </c>
      <c r="K20" s="89">
        <v>7.5257347181316173E-2</v>
      </c>
      <c r="L20" s="93">
        <v>0.25673978347059506</v>
      </c>
      <c r="M20" s="89">
        <v>6.7895017587521006E-2</v>
      </c>
      <c r="N20" s="93">
        <v>5.0760442456066882E-2</v>
      </c>
      <c r="O20" s="89">
        <v>3.7058417834635232E-2</v>
      </c>
    </row>
    <row r="21" spans="1:15">
      <c r="A21" s="44" t="s">
        <v>547</v>
      </c>
      <c r="B21" s="142">
        <v>65</v>
      </c>
      <c r="C21" s="143">
        <v>3.0687258179840851</v>
      </c>
      <c r="D21" s="127">
        <v>0.24641661455550043</v>
      </c>
      <c r="E21" s="120">
        <v>65</v>
      </c>
      <c r="F21" s="144">
        <v>5.1207364954431692E-2</v>
      </c>
      <c r="G21" s="92">
        <v>6.4273298834666259E-2</v>
      </c>
      <c r="H21" s="145">
        <v>0.23416157571201723</v>
      </c>
      <c r="I21" s="92">
        <v>0.10419771247658702</v>
      </c>
      <c r="J21" s="145">
        <v>0.39246663376952101</v>
      </c>
      <c r="K21" s="92">
        <v>0.11788926309621409</v>
      </c>
      <c r="L21" s="145">
        <v>0.2390267275230944</v>
      </c>
      <c r="M21" s="92">
        <v>0.10482851070410323</v>
      </c>
      <c r="N21" s="145">
        <v>8.313769804093582E-2</v>
      </c>
      <c r="O21" s="92">
        <v>7.4518574624772613E-2</v>
      </c>
    </row>
    <row r="22" spans="1:15">
      <c r="A22" s="52" t="s">
        <v>548</v>
      </c>
      <c r="B22" s="138">
        <v>114</v>
      </c>
      <c r="C22" s="139">
        <v>3.4700293541945593</v>
      </c>
      <c r="D22" s="125">
        <v>0.174564657600316</v>
      </c>
      <c r="E22" s="117">
        <v>114</v>
      </c>
      <c r="F22" s="140">
        <v>3.24198062614365E-2</v>
      </c>
      <c r="G22" s="89">
        <v>3.9462486424692619E-2</v>
      </c>
      <c r="H22" s="141">
        <v>0.11948049768895151</v>
      </c>
      <c r="I22" s="89">
        <v>6.2397072240840741E-2</v>
      </c>
      <c r="J22" s="141">
        <v>0.27310514973422129</v>
      </c>
      <c r="K22" s="89">
        <v>8.2739088757147403E-2</v>
      </c>
      <c r="L22" s="141">
        <v>0.49563962822439811</v>
      </c>
      <c r="M22" s="89">
        <v>9.2054194486717644E-2</v>
      </c>
      <c r="N22" s="141">
        <v>7.9354918090992696E-2</v>
      </c>
      <c r="O22" s="89">
        <v>5.3631030313865707E-2</v>
      </c>
    </row>
    <row r="23" spans="1:15">
      <c r="A23" s="44" t="s">
        <v>549</v>
      </c>
      <c r="B23" s="142">
        <v>98</v>
      </c>
      <c r="C23" s="143">
        <v>3.0102200251988616</v>
      </c>
      <c r="D23" s="127">
        <v>0.19992782202739703</v>
      </c>
      <c r="E23" s="120">
        <v>98</v>
      </c>
      <c r="F23" s="144">
        <v>9.5380662355170107E-2</v>
      </c>
      <c r="G23" s="92">
        <v>6.226822134119598E-2</v>
      </c>
      <c r="H23" s="145">
        <v>0.17036048882999932</v>
      </c>
      <c r="I23" s="92">
        <v>7.6618026442369494E-2</v>
      </c>
      <c r="J23" s="145">
        <v>0.41936160941982742</v>
      </c>
      <c r="K23" s="92">
        <v>9.7818850946389202E-2</v>
      </c>
      <c r="L23" s="145">
        <v>0.25845264005080915</v>
      </c>
      <c r="M23" s="92">
        <v>8.7702982281648301E-2</v>
      </c>
      <c r="N23" s="145">
        <v>5.6444599344194969E-2</v>
      </c>
      <c r="O23" s="92">
        <v>5.1786417091914366E-2</v>
      </c>
    </row>
    <row r="24" spans="1:15">
      <c r="A24" s="52" t="s">
        <v>550</v>
      </c>
      <c r="B24" s="138">
        <v>130</v>
      </c>
      <c r="C24" s="139">
        <v>3.0559124830463884</v>
      </c>
      <c r="D24" s="125">
        <v>0.17310363273663784</v>
      </c>
      <c r="E24" s="117">
        <v>130</v>
      </c>
      <c r="F24" s="140">
        <v>6.720009578556066E-2</v>
      </c>
      <c r="G24" s="89">
        <v>4.690427288121659E-2</v>
      </c>
      <c r="H24" s="141">
        <v>0.20442951557316116</v>
      </c>
      <c r="I24" s="89">
        <v>7.0768885967935471E-2</v>
      </c>
      <c r="J24" s="141">
        <v>0.38304307094416951</v>
      </c>
      <c r="K24" s="89">
        <v>8.413307512286218E-2</v>
      </c>
      <c r="L24" s="141">
        <v>0.29591244520354554</v>
      </c>
      <c r="M24" s="89">
        <v>7.9325105837807969E-2</v>
      </c>
      <c r="N24" s="141">
        <v>4.941487249356312E-2</v>
      </c>
      <c r="O24" s="89">
        <v>4.1935680886951536E-2</v>
      </c>
    </row>
    <row r="25" spans="1:15">
      <c r="A25" s="44" t="s">
        <v>551</v>
      </c>
      <c r="B25" s="142">
        <v>115</v>
      </c>
      <c r="C25" s="143">
        <v>3.0007561162462828</v>
      </c>
      <c r="D25" s="127">
        <v>0.18883249878947747</v>
      </c>
      <c r="E25" s="120">
        <v>115</v>
      </c>
      <c r="F25" s="144">
        <v>7.2550549572329703E-2</v>
      </c>
      <c r="G25" s="92">
        <v>5.1649678252338294E-2</v>
      </c>
      <c r="H25" s="145">
        <v>0.25867540861927529</v>
      </c>
      <c r="I25" s="92">
        <v>8.1087518041404863E-2</v>
      </c>
      <c r="J25" s="145">
        <v>0.35521243690944793</v>
      </c>
      <c r="K25" s="92">
        <v>8.800729200706546E-2</v>
      </c>
      <c r="L25" s="145">
        <v>0.22259058578767552</v>
      </c>
      <c r="M25" s="92">
        <v>7.7379470623842039E-2</v>
      </c>
      <c r="N25" s="145">
        <v>9.0971019111271048E-2</v>
      </c>
      <c r="O25" s="92">
        <v>5.6137177887629043E-2</v>
      </c>
    </row>
    <row r="26" spans="1:15">
      <c r="A26" s="52" t="s">
        <v>543</v>
      </c>
      <c r="B26" s="138">
        <v>154</v>
      </c>
      <c r="C26" s="139">
        <v>3.3000115259030198</v>
      </c>
      <c r="D26" s="125">
        <v>0.15859018050281318</v>
      </c>
      <c r="E26" s="117">
        <v>154</v>
      </c>
      <c r="F26" s="140">
        <v>5.1478211492170585E-2</v>
      </c>
      <c r="G26" s="89">
        <v>3.8610414833192164E-2</v>
      </c>
      <c r="H26" s="141">
        <v>0.14356323049514066</v>
      </c>
      <c r="I26" s="89">
        <v>5.7214712199014327E-2</v>
      </c>
      <c r="J26" s="141">
        <v>0.37354710875944641</v>
      </c>
      <c r="K26" s="89">
        <v>7.710079788697384E-2</v>
      </c>
      <c r="L26" s="141">
        <v>0.31629171912398318</v>
      </c>
      <c r="M26" s="89">
        <v>7.4279396223508432E-2</v>
      </c>
      <c r="N26" s="141">
        <v>0.11511973012925855</v>
      </c>
      <c r="O26" s="89">
        <v>5.2596537451487416E-2</v>
      </c>
    </row>
    <row r="27" spans="1:15">
      <c r="A27" s="44" t="s">
        <v>544</v>
      </c>
      <c r="B27" s="142">
        <v>45</v>
      </c>
      <c r="C27" s="143">
        <v>3.4080601960365446</v>
      </c>
      <c r="D27" s="127">
        <v>0.2103250010355546</v>
      </c>
      <c r="E27" s="120">
        <v>45</v>
      </c>
      <c r="F27" s="144">
        <v>0</v>
      </c>
      <c r="G27" s="92">
        <v>5.6532709707479055E-2</v>
      </c>
      <c r="H27" s="145">
        <v>0.10501776006544002</v>
      </c>
      <c r="I27" s="92">
        <v>9.8320828005192248E-2</v>
      </c>
      <c r="J27" s="145">
        <v>0.43021235342129521</v>
      </c>
      <c r="K27" s="92">
        <v>0.14167867718158147</v>
      </c>
      <c r="L27" s="145">
        <v>0.4164618169245442</v>
      </c>
      <c r="M27" s="92">
        <v>0.1411654796793434</v>
      </c>
      <c r="N27" s="145">
        <v>4.8308069588720269E-2</v>
      </c>
      <c r="O27" s="92">
        <v>7.9757334958960147E-2</v>
      </c>
    </row>
    <row r="28" spans="1:15" ht="30.75" customHeight="1">
      <c r="A28" s="52" t="s">
        <v>552</v>
      </c>
      <c r="B28" s="138">
        <v>109</v>
      </c>
      <c r="C28" s="139">
        <v>3.2531819433811253</v>
      </c>
      <c r="D28" s="125">
        <v>0.20660793681263057</v>
      </c>
      <c r="E28" s="117">
        <v>109</v>
      </c>
      <c r="F28" s="140">
        <v>7.378948242380684E-2</v>
      </c>
      <c r="G28" s="89">
        <v>5.3539344179668401E-2</v>
      </c>
      <c r="H28" s="141">
        <v>0.16026929717881369</v>
      </c>
      <c r="I28" s="89">
        <v>7.1050160432281906E-2</v>
      </c>
      <c r="J28" s="141">
        <v>0.34898771577722809</v>
      </c>
      <c r="K28" s="89">
        <v>8.9991387525660549E-2</v>
      </c>
      <c r="L28" s="141">
        <v>0.27287680383274909</v>
      </c>
      <c r="M28" s="89">
        <v>8.4560801318089393E-2</v>
      </c>
      <c r="N28" s="141">
        <v>0.14407670078740151</v>
      </c>
      <c r="O28" s="89">
        <v>6.8389427125088165E-2</v>
      </c>
    </row>
    <row r="29" spans="1:15">
      <c r="A29" s="44" t="s">
        <v>545</v>
      </c>
      <c r="B29" s="142">
        <v>186</v>
      </c>
      <c r="C29" s="143">
        <v>2.7939047630614966</v>
      </c>
      <c r="D29" s="127">
        <v>0.15921472429876699</v>
      </c>
      <c r="E29" s="120">
        <v>186</v>
      </c>
      <c r="F29" s="144">
        <v>0.13038649763054344</v>
      </c>
      <c r="G29" s="92">
        <v>5.0068896538120078E-2</v>
      </c>
      <c r="H29" s="145">
        <v>0.26211781118491229</v>
      </c>
      <c r="I29" s="92">
        <v>6.4198644623427822E-2</v>
      </c>
      <c r="J29" s="145">
        <v>0.3493440758886513</v>
      </c>
      <c r="K29" s="92">
        <v>6.9319763221188962E-2</v>
      </c>
      <c r="L29" s="145">
        <v>0.19950766108428877</v>
      </c>
      <c r="M29" s="92">
        <v>5.8663403089751071E-2</v>
      </c>
      <c r="N29" s="145">
        <v>5.8643954211603226E-2</v>
      </c>
      <c r="O29" s="92">
        <v>3.6511110487654458E-2</v>
      </c>
    </row>
    <row r="32" spans="1:15" ht="18.75">
      <c r="A32" s="337" t="s">
        <v>205</v>
      </c>
      <c r="B32" s="337"/>
      <c r="C32" s="337"/>
      <c r="D32" s="337"/>
      <c r="E32" s="337"/>
      <c r="F32" s="337"/>
      <c r="G32" s="337"/>
      <c r="H32" s="337"/>
      <c r="I32" s="337"/>
      <c r="J32" s="227"/>
      <c r="K32" s="227"/>
    </row>
    <row r="33" spans="1:11" ht="81" customHeight="1">
      <c r="A33" s="395" t="s">
        <v>206</v>
      </c>
      <c r="B33" s="395"/>
      <c r="C33" s="395"/>
      <c r="D33" s="395"/>
      <c r="E33" s="395"/>
      <c r="F33" s="395"/>
      <c r="G33" s="395"/>
      <c r="H33" s="395"/>
      <c r="I33" s="395"/>
      <c r="J33" s="227"/>
      <c r="K33" s="227"/>
    </row>
    <row r="34" spans="1:11" ht="30" customHeight="1">
      <c r="A34" s="397" t="s">
        <v>205</v>
      </c>
      <c r="B34" s="397"/>
      <c r="C34" s="397"/>
      <c r="D34" s="397"/>
      <c r="E34" s="340" t="s">
        <v>207</v>
      </c>
      <c r="F34" s="341"/>
      <c r="G34" s="341"/>
      <c r="H34" s="341"/>
      <c r="I34" s="342"/>
    </row>
    <row r="35" spans="1:11" ht="72">
      <c r="A35" s="32" t="s">
        <v>71</v>
      </c>
      <c r="B35" s="33" t="s">
        <v>72</v>
      </c>
      <c r="C35" s="34" t="s">
        <v>588</v>
      </c>
      <c r="D35" s="35" t="s">
        <v>73</v>
      </c>
      <c r="E35" s="33" t="s">
        <v>72</v>
      </c>
      <c r="F35" s="33" t="s">
        <v>212</v>
      </c>
      <c r="G35" s="84" t="s">
        <v>209</v>
      </c>
      <c r="H35" s="33" t="s">
        <v>213</v>
      </c>
      <c r="I35" s="84" t="s">
        <v>211</v>
      </c>
    </row>
    <row r="36" spans="1:11" ht="84">
      <c r="A36" s="36"/>
      <c r="B36" s="37" t="s">
        <v>74</v>
      </c>
      <c r="C36" s="38" t="s">
        <v>289</v>
      </c>
      <c r="D36" s="39" t="s">
        <v>76</v>
      </c>
      <c r="E36" s="37" t="s">
        <v>74</v>
      </c>
      <c r="F36" s="37" t="s">
        <v>208</v>
      </c>
      <c r="G36" s="86" t="s">
        <v>88</v>
      </c>
      <c r="H36" s="37" t="s">
        <v>210</v>
      </c>
      <c r="I36" s="86" t="s">
        <v>88</v>
      </c>
    </row>
    <row r="37" spans="1:11">
      <c r="A37" s="40" t="s">
        <v>350</v>
      </c>
      <c r="B37" s="146">
        <v>13544</v>
      </c>
      <c r="C37" s="79">
        <v>12.519755301226652</v>
      </c>
      <c r="D37" s="80">
        <v>8.8934485141396194E-2</v>
      </c>
      <c r="E37" s="78">
        <v>13544</v>
      </c>
      <c r="F37" s="93">
        <v>0.84765803633467895</v>
      </c>
      <c r="G37" s="89">
        <v>6.1763582944921926E-3</v>
      </c>
      <c r="H37" s="93">
        <v>0.15234196366532649</v>
      </c>
      <c r="I37" s="89">
        <v>6.176358294492282E-3</v>
      </c>
    </row>
    <row r="38" spans="1:11">
      <c r="A38" s="44" t="s">
        <v>351</v>
      </c>
      <c r="B38" s="44">
        <v>10035</v>
      </c>
      <c r="C38" s="148">
        <v>11.796030889239407</v>
      </c>
      <c r="D38" s="149">
        <v>9.6483580813808797E-2</v>
      </c>
      <c r="E38" s="120">
        <v>10035</v>
      </c>
      <c r="F38" s="150">
        <v>0.88018330311680648</v>
      </c>
      <c r="G38" s="92">
        <v>6.4858513470029038E-3</v>
      </c>
      <c r="H38" s="150">
        <v>0.11981669688318362</v>
      </c>
      <c r="I38" s="92">
        <v>6.4858513470026739E-3</v>
      </c>
    </row>
    <row r="39" spans="1:11">
      <c r="A39" s="40" t="s">
        <v>352</v>
      </c>
      <c r="B39" s="48">
        <v>3509</v>
      </c>
      <c r="C39" s="79">
        <v>13.132194826746412</v>
      </c>
      <c r="D39" s="80">
        <v>0.19636422728631525</v>
      </c>
      <c r="E39" s="78">
        <v>3509</v>
      </c>
      <c r="F39" s="93">
        <v>0.82013408021889012</v>
      </c>
      <c r="G39" s="89">
        <v>1.2970325643831033E-2</v>
      </c>
      <c r="H39" s="93">
        <v>0.1798659197811093</v>
      </c>
      <c r="I39" s="89">
        <v>1.2970325643831018E-2</v>
      </c>
    </row>
    <row r="40" spans="1:11">
      <c r="A40" s="44" t="s">
        <v>534</v>
      </c>
      <c r="B40" s="44">
        <v>1833</v>
      </c>
      <c r="C40" s="148">
        <v>12.287382071104195</v>
      </c>
      <c r="D40" s="149">
        <v>0.2489263119649591</v>
      </c>
      <c r="E40" s="120">
        <v>1833</v>
      </c>
      <c r="F40" s="150">
        <v>0.85357277890855099</v>
      </c>
      <c r="G40" s="92">
        <v>1.6532913531326247E-2</v>
      </c>
      <c r="H40" s="150">
        <v>0.14642722109144959</v>
      </c>
      <c r="I40" s="92">
        <v>1.6532913531326278E-2</v>
      </c>
    </row>
    <row r="41" spans="1:11">
      <c r="A41" s="40" t="s">
        <v>535</v>
      </c>
      <c r="B41" s="48">
        <v>1504</v>
      </c>
      <c r="C41" s="79">
        <v>12.136172977915406</v>
      </c>
      <c r="D41" s="80">
        <v>0.27321868515423509</v>
      </c>
      <c r="E41" s="78">
        <v>1504</v>
      </c>
      <c r="F41" s="93">
        <v>0.85656683555400104</v>
      </c>
      <c r="G41" s="89">
        <v>1.8101810475266635E-2</v>
      </c>
      <c r="H41" s="93">
        <v>0.14343316444599799</v>
      </c>
      <c r="I41" s="89">
        <v>1.8101810475266582E-2</v>
      </c>
    </row>
    <row r="42" spans="1:11">
      <c r="A42" s="44" t="s">
        <v>546</v>
      </c>
      <c r="B42" s="44">
        <v>333</v>
      </c>
      <c r="C42" s="148">
        <v>12.841124864787865</v>
      </c>
      <c r="D42" s="149">
        <v>0.59978856061621355</v>
      </c>
      <c r="E42" s="120">
        <v>333</v>
      </c>
      <c r="F42" s="150">
        <v>0.83973269205019063</v>
      </c>
      <c r="G42" s="92">
        <v>4.0370000578697704E-2</v>
      </c>
      <c r="H42" s="150">
        <v>0.16026730794980851</v>
      </c>
      <c r="I42" s="92">
        <v>4.0370000578697614E-2</v>
      </c>
    </row>
    <row r="43" spans="1:11">
      <c r="A43" s="40" t="s">
        <v>536</v>
      </c>
      <c r="B43" s="48">
        <v>294</v>
      </c>
      <c r="C43" s="79">
        <v>12.432816992172638</v>
      </c>
      <c r="D43" s="80">
        <v>0.60520901030216745</v>
      </c>
      <c r="E43" s="78">
        <v>294</v>
      </c>
      <c r="F43" s="93">
        <v>0.8448916477682924</v>
      </c>
      <c r="G43" s="89">
        <v>4.2445640728404219E-2</v>
      </c>
      <c r="H43" s="93">
        <v>0.15510835223170466</v>
      </c>
      <c r="I43" s="89">
        <v>4.2445640728403906E-2</v>
      </c>
    </row>
    <row r="44" spans="1:11">
      <c r="A44" s="44" t="s">
        <v>537</v>
      </c>
      <c r="B44" s="44">
        <v>86</v>
      </c>
      <c r="C44" s="148">
        <v>12.766238431486492</v>
      </c>
      <c r="D44" s="149">
        <v>1.0931474732454776</v>
      </c>
      <c r="E44" s="120">
        <v>86</v>
      </c>
      <c r="F44" s="150">
        <v>0.79020745528450942</v>
      </c>
      <c r="G44" s="92">
        <v>8.7711528833480379E-2</v>
      </c>
      <c r="H44" s="150">
        <v>0.20979254471549041</v>
      </c>
      <c r="I44" s="92">
        <v>8.7711528833480379E-2</v>
      </c>
    </row>
    <row r="45" spans="1:11">
      <c r="A45" s="40" t="s">
        <v>538</v>
      </c>
      <c r="B45" s="48">
        <v>89</v>
      </c>
      <c r="C45" s="79">
        <v>11.121123655938693</v>
      </c>
      <c r="D45" s="80">
        <v>0.9892467551402242</v>
      </c>
      <c r="E45" s="78">
        <v>89</v>
      </c>
      <c r="F45" s="93">
        <v>0.95696050025486945</v>
      </c>
      <c r="G45" s="89">
        <v>5.0273750791363404E-2</v>
      </c>
      <c r="H45" s="93">
        <v>4.303949974513064E-2</v>
      </c>
      <c r="I45" s="89">
        <v>5.0273750791363411E-2</v>
      </c>
    </row>
    <row r="46" spans="1:11">
      <c r="A46" s="44" t="s">
        <v>539</v>
      </c>
      <c r="B46" s="44">
        <v>100</v>
      </c>
      <c r="C46" s="148">
        <v>13.24037555199217</v>
      </c>
      <c r="D46" s="149">
        <v>1.1741731413013736</v>
      </c>
      <c r="E46" s="120">
        <v>100</v>
      </c>
      <c r="F46" s="150">
        <v>0.78603466553580958</v>
      </c>
      <c r="G46" s="92">
        <v>8.1890326787083273E-2</v>
      </c>
      <c r="H46" s="150">
        <v>0.21396533446419114</v>
      </c>
      <c r="I46" s="92">
        <v>8.1890326787083356E-2</v>
      </c>
    </row>
    <row r="47" spans="1:11">
      <c r="A47" s="40" t="s">
        <v>540</v>
      </c>
      <c r="B47" s="146">
        <v>115</v>
      </c>
      <c r="C47" s="79">
        <v>10.877396027182373</v>
      </c>
      <c r="D47" s="80">
        <v>0.81245832051386802</v>
      </c>
      <c r="E47" s="78">
        <v>115</v>
      </c>
      <c r="F47" s="93">
        <v>0.92655733920577399</v>
      </c>
      <c r="G47" s="89">
        <v>5.1880686438392526E-2</v>
      </c>
      <c r="H47" s="93">
        <v>7.344266079422597E-2</v>
      </c>
      <c r="I47" s="89">
        <v>5.1880686438392526E-2</v>
      </c>
    </row>
    <row r="48" spans="1:11">
      <c r="A48" s="44" t="s">
        <v>541</v>
      </c>
      <c r="B48" s="147">
        <v>109</v>
      </c>
      <c r="C48" s="148">
        <v>12.177779040598967</v>
      </c>
      <c r="D48" s="149">
        <v>0.97068796741124119</v>
      </c>
      <c r="E48" s="120">
        <v>109</v>
      </c>
      <c r="F48" s="150">
        <v>0.85188674286908661</v>
      </c>
      <c r="G48" s="92">
        <v>6.9073997712291613E-2</v>
      </c>
      <c r="H48" s="150">
        <v>0.14811325713091372</v>
      </c>
      <c r="I48" s="92">
        <v>6.9073997712291654E-2</v>
      </c>
    </row>
    <row r="49" spans="1:9">
      <c r="A49" s="40" t="s">
        <v>542</v>
      </c>
      <c r="B49" s="78">
        <v>167</v>
      </c>
      <c r="C49" s="79">
        <v>12.39510729081616</v>
      </c>
      <c r="D49" s="80">
        <v>0.78621095484442893</v>
      </c>
      <c r="E49" s="78">
        <v>167</v>
      </c>
      <c r="F49" s="93">
        <v>0.84298869350730543</v>
      </c>
      <c r="G49" s="89">
        <v>5.677452469596711E-2</v>
      </c>
      <c r="H49" s="93">
        <v>0.15701130649269479</v>
      </c>
      <c r="I49" s="89">
        <v>5.6774524695967131E-2</v>
      </c>
    </row>
    <row r="50" spans="1:9">
      <c r="A50" s="44" t="s">
        <v>547</v>
      </c>
      <c r="B50" s="147">
        <v>67</v>
      </c>
      <c r="C50" s="148">
        <v>12.108467041884058</v>
      </c>
      <c r="D50" s="149">
        <v>1.2403711715185883</v>
      </c>
      <c r="E50" s="120">
        <v>67</v>
      </c>
      <c r="F50" s="150">
        <v>0.84669545462746898</v>
      </c>
      <c r="G50" s="92">
        <v>8.9745858531252526E-2</v>
      </c>
      <c r="H50" s="150">
        <v>0.1533045453725311</v>
      </c>
      <c r="I50" s="92">
        <v>8.9745858531252554E-2</v>
      </c>
    </row>
    <row r="51" spans="1:9">
      <c r="A51" s="52" t="s">
        <v>548</v>
      </c>
      <c r="B51" s="146">
        <v>119</v>
      </c>
      <c r="C51" s="79">
        <v>11.429206715000563</v>
      </c>
      <c r="D51" s="80">
        <v>0.93444958955694457</v>
      </c>
      <c r="E51" s="78">
        <v>119</v>
      </c>
      <c r="F51" s="93">
        <v>0.9076756349978965</v>
      </c>
      <c r="G51" s="89">
        <v>5.5416978831163775E-2</v>
      </c>
      <c r="H51" s="93">
        <v>9.2324365002103392E-2</v>
      </c>
      <c r="I51" s="89">
        <v>5.5416978831163748E-2</v>
      </c>
    </row>
    <row r="52" spans="1:9">
      <c r="A52" s="44" t="s">
        <v>549</v>
      </c>
      <c r="B52" s="147">
        <v>97</v>
      </c>
      <c r="C52" s="148">
        <v>12.819688999981555</v>
      </c>
      <c r="D52" s="149">
        <v>1.0781196144873637</v>
      </c>
      <c r="E52" s="120">
        <v>97</v>
      </c>
      <c r="F52" s="150">
        <v>0.86446610434135518</v>
      </c>
      <c r="G52" s="92">
        <v>7.1053664494802202E-2</v>
      </c>
      <c r="H52" s="150">
        <v>0.13553389565864507</v>
      </c>
      <c r="I52" s="92">
        <v>7.1053664494802257E-2</v>
      </c>
    </row>
    <row r="53" spans="1:9">
      <c r="A53" s="52" t="s">
        <v>550</v>
      </c>
      <c r="B53" s="146">
        <v>132</v>
      </c>
      <c r="C53" s="79">
        <v>12.497131810509735</v>
      </c>
      <c r="D53" s="80">
        <v>1.0061201972825435</v>
      </c>
      <c r="E53" s="78">
        <v>132</v>
      </c>
      <c r="F53" s="93">
        <v>0.80527272703329955</v>
      </c>
      <c r="G53" s="89">
        <v>6.907153069473361E-2</v>
      </c>
      <c r="H53" s="93">
        <v>0.1947272729667005</v>
      </c>
      <c r="I53" s="89">
        <v>6.907153069473361E-2</v>
      </c>
    </row>
    <row r="54" spans="1:9">
      <c r="A54" s="44" t="s">
        <v>551</v>
      </c>
      <c r="B54" s="147">
        <v>116</v>
      </c>
      <c r="C54" s="148">
        <v>11.733129211956895</v>
      </c>
      <c r="D54" s="149">
        <v>1.0622489972805544</v>
      </c>
      <c r="E54" s="120">
        <v>116</v>
      </c>
      <c r="F54" s="150">
        <v>0.86970514077307337</v>
      </c>
      <c r="G54" s="92">
        <v>6.3843132283310039E-2</v>
      </c>
      <c r="H54" s="150">
        <v>0.13029485922692649</v>
      </c>
      <c r="I54" s="92">
        <v>6.3843132283310011E-2</v>
      </c>
    </row>
    <row r="55" spans="1:9">
      <c r="A55" s="52" t="s">
        <v>543</v>
      </c>
      <c r="B55" s="146">
        <v>163</v>
      </c>
      <c r="C55" s="79">
        <v>12.064962989185753</v>
      </c>
      <c r="D55" s="80">
        <v>0.8265609153910588</v>
      </c>
      <c r="E55" s="78">
        <v>163</v>
      </c>
      <c r="F55" s="93">
        <v>0.8604498952699402</v>
      </c>
      <c r="G55" s="89">
        <v>5.4985081357780623E-2</v>
      </c>
      <c r="H55" s="93">
        <v>0.13955010473005949</v>
      </c>
      <c r="I55" s="89">
        <v>5.4985081357780595E-2</v>
      </c>
    </row>
    <row r="56" spans="1:9">
      <c r="A56" s="44" t="s">
        <v>544</v>
      </c>
      <c r="B56" s="147">
        <v>49</v>
      </c>
      <c r="C56" s="148">
        <v>11.087745250225137</v>
      </c>
      <c r="D56" s="149">
        <v>1.4158625168661916</v>
      </c>
      <c r="E56" s="120">
        <v>49</v>
      </c>
      <c r="F56" s="150">
        <v>0.85268141680335896</v>
      </c>
      <c r="G56" s="92">
        <v>0.10413427456992051</v>
      </c>
      <c r="H56" s="150">
        <v>0.14731858319664118</v>
      </c>
      <c r="I56" s="92">
        <v>0.10413427456992053</v>
      </c>
    </row>
    <row r="57" spans="1:9">
      <c r="A57" s="52" t="s">
        <v>552</v>
      </c>
      <c r="B57" s="146">
        <v>114</v>
      </c>
      <c r="C57" s="79">
        <v>12.498122551642629</v>
      </c>
      <c r="D57" s="80">
        <v>1.0093668750872289</v>
      </c>
      <c r="E57" s="78">
        <v>114</v>
      </c>
      <c r="F57" s="93">
        <v>0.86389333535435686</v>
      </c>
      <c r="G57" s="89">
        <v>6.5459780664651329E-2</v>
      </c>
      <c r="H57" s="93">
        <v>0.13610666464564269</v>
      </c>
      <c r="I57" s="89">
        <v>6.5459780664651246E-2</v>
      </c>
    </row>
    <row r="58" spans="1:9">
      <c r="A58" s="44" t="s">
        <v>545</v>
      </c>
      <c r="B58" s="147">
        <v>188</v>
      </c>
      <c r="C58" s="148">
        <v>13.157476029568363</v>
      </c>
      <c r="D58" s="149">
        <v>0.8190366698479572</v>
      </c>
      <c r="E58" s="120">
        <v>188</v>
      </c>
      <c r="F58" s="150">
        <v>0.79273183748407017</v>
      </c>
      <c r="G58" s="92">
        <v>5.9132861646821591E-2</v>
      </c>
      <c r="H58" s="150">
        <v>0.20726816251592911</v>
      </c>
      <c r="I58" s="92">
        <v>5.9132861646821508E-2</v>
      </c>
    </row>
    <row r="61" spans="1:9" ht="18.75">
      <c r="A61" s="337" t="s">
        <v>353</v>
      </c>
      <c r="B61" s="337"/>
      <c r="C61" s="337"/>
      <c r="D61" s="337"/>
    </row>
    <row r="62" spans="1:9" ht="97.5" customHeight="1">
      <c r="A62" s="356" t="s">
        <v>381</v>
      </c>
      <c r="B62" s="356"/>
      <c r="C62" s="356"/>
      <c r="D62" s="356"/>
    </row>
    <row r="63" spans="1:9" ht="36" customHeight="1">
      <c r="A63" s="396" t="s">
        <v>119</v>
      </c>
      <c r="B63" s="397"/>
      <c r="C63" s="397"/>
      <c r="D63" s="397"/>
    </row>
    <row r="64" spans="1:9" ht="72">
      <c r="A64" s="32" t="s">
        <v>71</v>
      </c>
      <c r="B64" s="33" t="s">
        <v>72</v>
      </c>
      <c r="C64" s="34" t="s">
        <v>588</v>
      </c>
      <c r="D64" s="35" t="s">
        <v>73</v>
      </c>
    </row>
    <row r="65" spans="1:4" ht="84">
      <c r="A65" s="36"/>
      <c r="B65" s="37" t="s">
        <v>74</v>
      </c>
      <c r="C65" s="38" t="s">
        <v>120</v>
      </c>
      <c r="D65" s="39" t="s">
        <v>76</v>
      </c>
    </row>
    <row r="66" spans="1:4">
      <c r="A66" s="40" t="s">
        <v>350</v>
      </c>
      <c r="B66" s="151">
        <v>10264</v>
      </c>
      <c r="C66" s="79">
        <v>5.3006208479915813</v>
      </c>
      <c r="D66" s="80">
        <v>2.6719251846929002E-2</v>
      </c>
    </row>
    <row r="67" spans="1:4">
      <c r="A67" s="44" t="s">
        <v>351</v>
      </c>
      <c r="B67" s="44">
        <v>8119</v>
      </c>
      <c r="C67" s="153">
        <v>5.3656834675598448</v>
      </c>
      <c r="D67" s="154">
        <v>2.9672117658980486E-2</v>
      </c>
    </row>
    <row r="68" spans="1:4">
      <c r="A68" s="40" t="s">
        <v>352</v>
      </c>
      <c r="B68" s="48">
        <v>2145</v>
      </c>
      <c r="C68" s="79">
        <v>5.2304402162232035</v>
      </c>
      <c r="D68" s="80">
        <v>6.035898468368902E-2</v>
      </c>
    </row>
    <row r="69" spans="1:4">
      <c r="A69" s="44" t="s">
        <v>534</v>
      </c>
      <c r="B69" s="44">
        <v>1367</v>
      </c>
      <c r="C69" s="153">
        <v>5.2350641332935615</v>
      </c>
      <c r="D69" s="154">
        <v>7.6777345883941556E-2</v>
      </c>
    </row>
    <row r="70" spans="1:4">
      <c r="A70" s="40" t="s">
        <v>535</v>
      </c>
      <c r="B70" s="48">
        <v>1156</v>
      </c>
      <c r="C70" s="79">
        <v>5.2824821601272216</v>
      </c>
      <c r="D70" s="80">
        <v>8.3536195848052525E-2</v>
      </c>
    </row>
    <row r="71" spans="1:4">
      <c r="A71" s="44" t="s">
        <v>546</v>
      </c>
      <c r="B71" s="44">
        <v>212</v>
      </c>
      <c r="C71" s="153">
        <v>5.062994016849383</v>
      </c>
      <c r="D71" s="154">
        <v>0.19346486643259281</v>
      </c>
    </row>
    <row r="72" spans="1:4">
      <c r="A72" s="40" t="s">
        <v>536</v>
      </c>
      <c r="B72" s="48">
        <v>253</v>
      </c>
      <c r="C72" s="79">
        <v>5.0328409143208628</v>
      </c>
      <c r="D72" s="80">
        <v>0.18873086368835482</v>
      </c>
    </row>
    <row r="73" spans="1:4">
      <c r="A73" s="44" t="s">
        <v>537</v>
      </c>
      <c r="B73" s="44">
        <v>77</v>
      </c>
      <c r="C73" s="153">
        <v>4.8650719782912253</v>
      </c>
      <c r="D73" s="154">
        <v>0.33084539116168932</v>
      </c>
    </row>
    <row r="74" spans="1:4">
      <c r="A74" s="40" t="s">
        <v>538</v>
      </c>
      <c r="B74" s="48">
        <v>73</v>
      </c>
      <c r="C74" s="79">
        <v>5.2229766759739276</v>
      </c>
      <c r="D74" s="80">
        <v>0.32285404622951136</v>
      </c>
    </row>
    <row r="75" spans="1:4">
      <c r="A75" s="44" t="s">
        <v>539</v>
      </c>
      <c r="B75" s="44">
        <v>85</v>
      </c>
      <c r="C75" s="153">
        <v>5.0732240640680306</v>
      </c>
      <c r="D75" s="154">
        <v>0.348945333949086</v>
      </c>
    </row>
    <row r="76" spans="1:4">
      <c r="A76" s="40" t="s">
        <v>540</v>
      </c>
      <c r="B76" s="151">
        <v>87</v>
      </c>
      <c r="C76" s="79">
        <v>5.4539515469637943</v>
      </c>
      <c r="D76" s="80">
        <v>0.26919508601312214</v>
      </c>
    </row>
    <row r="77" spans="1:4">
      <c r="A77" s="44" t="s">
        <v>541</v>
      </c>
      <c r="B77" s="152">
        <v>90</v>
      </c>
      <c r="C77" s="153">
        <v>5.3005440221222084</v>
      </c>
      <c r="D77" s="154">
        <v>0.31720054870414482</v>
      </c>
    </row>
    <row r="78" spans="1:4">
      <c r="A78" s="40" t="s">
        <v>542</v>
      </c>
      <c r="B78" s="78">
        <v>135</v>
      </c>
      <c r="C78" s="79">
        <v>5.1793629899329252</v>
      </c>
      <c r="D78" s="80">
        <v>0.25510095292632312</v>
      </c>
    </row>
    <row r="79" spans="1:4">
      <c r="A79" s="44" t="s">
        <v>547</v>
      </c>
      <c r="B79" s="152">
        <v>52</v>
      </c>
      <c r="C79" s="153">
        <v>5.0485783959269837</v>
      </c>
      <c r="D79" s="154">
        <v>0.42481081087061662</v>
      </c>
    </row>
    <row r="80" spans="1:4">
      <c r="A80" s="52" t="s">
        <v>548</v>
      </c>
      <c r="B80" s="151">
        <v>85</v>
      </c>
      <c r="C80" s="79">
        <v>5.4680628927779074</v>
      </c>
      <c r="D80" s="80">
        <v>0.29841256972707036</v>
      </c>
    </row>
    <row r="81" spans="1:26">
      <c r="A81" s="44" t="s">
        <v>549</v>
      </c>
      <c r="B81" s="152">
        <v>68</v>
      </c>
      <c r="C81" s="153">
        <v>5.2101485410484658</v>
      </c>
      <c r="D81" s="154">
        <v>0.37149502646612781</v>
      </c>
    </row>
    <row r="82" spans="1:26">
      <c r="A82" s="52" t="s">
        <v>550</v>
      </c>
      <c r="B82" s="151">
        <v>84</v>
      </c>
      <c r="C82" s="79">
        <v>5.1620970720626014</v>
      </c>
      <c r="D82" s="80">
        <v>0.31231848216230113</v>
      </c>
    </row>
    <row r="83" spans="1:26">
      <c r="A83" s="44" t="s">
        <v>551</v>
      </c>
      <c r="B83" s="152">
        <v>77</v>
      </c>
      <c r="C83" s="153">
        <v>5.4575861081468506</v>
      </c>
      <c r="D83" s="154">
        <v>0.30931975454290156</v>
      </c>
    </row>
    <row r="84" spans="1:26">
      <c r="A84" s="52" t="s">
        <v>543</v>
      </c>
      <c r="B84" s="151">
        <v>129</v>
      </c>
      <c r="C84" s="79">
        <v>5.3117927861756673</v>
      </c>
      <c r="D84" s="80">
        <v>0.22494057592963812</v>
      </c>
    </row>
    <row r="85" spans="1:26">
      <c r="A85" s="44" t="s">
        <v>544</v>
      </c>
      <c r="B85" s="152">
        <v>39</v>
      </c>
      <c r="C85" s="153">
        <v>5.4337697298052579</v>
      </c>
      <c r="D85" s="154">
        <v>0.38820638403832342</v>
      </c>
    </row>
    <row r="86" spans="1:26">
      <c r="A86" s="52" t="s">
        <v>552</v>
      </c>
      <c r="B86" s="151">
        <v>90</v>
      </c>
      <c r="C86" s="79">
        <v>5.2565381287756701</v>
      </c>
      <c r="D86" s="80">
        <v>0.27565457715892105</v>
      </c>
    </row>
    <row r="87" spans="1:26">
      <c r="A87" s="44" t="s">
        <v>545</v>
      </c>
      <c r="B87" s="152">
        <v>147</v>
      </c>
      <c r="C87" s="153">
        <v>5.1461928090971547</v>
      </c>
      <c r="D87" s="154">
        <v>0.22822812516912569</v>
      </c>
    </row>
    <row r="90" spans="1:26" ht="18.75">
      <c r="A90" s="337" t="s">
        <v>354</v>
      </c>
      <c r="B90" s="337"/>
      <c r="C90" s="337"/>
      <c r="D90" s="337"/>
      <c r="E90" s="337"/>
      <c r="F90" s="337"/>
      <c r="G90" s="337"/>
      <c r="H90" s="337"/>
      <c r="I90" s="337"/>
      <c r="J90" s="337"/>
      <c r="K90" s="337"/>
      <c r="L90" s="337"/>
      <c r="M90" s="337"/>
      <c r="N90" s="337"/>
      <c r="O90" s="337"/>
      <c r="P90" s="337"/>
      <c r="Q90" s="337"/>
      <c r="R90" s="337"/>
      <c r="S90" s="337"/>
      <c r="T90" s="337"/>
      <c r="U90" s="337"/>
      <c r="V90" s="337"/>
    </row>
    <row r="91" spans="1:26" ht="58.5" customHeight="1">
      <c r="A91" s="395" t="s">
        <v>604</v>
      </c>
      <c r="B91" s="395"/>
      <c r="C91" s="395"/>
      <c r="D91" s="395"/>
      <c r="E91" s="395"/>
      <c r="F91" s="395"/>
      <c r="G91" s="395"/>
      <c r="H91" s="395"/>
      <c r="I91" s="395"/>
      <c r="J91" s="395"/>
      <c r="K91" s="395"/>
      <c r="L91" s="395"/>
      <c r="M91" s="395"/>
      <c r="N91" s="395"/>
      <c r="O91" s="395"/>
      <c r="P91" s="395"/>
      <c r="Q91" s="395"/>
      <c r="R91" s="395"/>
      <c r="S91" s="395"/>
      <c r="T91" s="395"/>
      <c r="U91" s="395"/>
      <c r="V91" s="395"/>
    </row>
    <row r="92" spans="1:26" ht="38.25" customHeight="1">
      <c r="A92" s="59" t="s">
        <v>71</v>
      </c>
      <c r="B92" s="339" t="s">
        <v>290</v>
      </c>
      <c r="C92" s="339"/>
      <c r="D92" s="339"/>
      <c r="E92" s="339"/>
      <c r="F92" s="339"/>
      <c r="G92" s="339"/>
      <c r="H92" s="339"/>
      <c r="I92" s="400" t="s">
        <v>214</v>
      </c>
      <c r="J92" s="401"/>
      <c r="K92" s="401"/>
      <c r="L92" s="401"/>
      <c r="M92" s="401"/>
      <c r="N92" s="401"/>
      <c r="O92" s="402"/>
      <c r="P92" s="392" t="s">
        <v>230</v>
      </c>
      <c r="Q92" s="393"/>
      <c r="R92" s="393"/>
      <c r="S92" s="393"/>
      <c r="T92" s="393"/>
      <c r="U92" s="393"/>
      <c r="V92" s="394"/>
    </row>
    <row r="93" spans="1:26" ht="72">
      <c r="A93" s="32" t="s">
        <v>71</v>
      </c>
      <c r="B93" s="33" t="s">
        <v>72</v>
      </c>
      <c r="C93" s="33" t="s">
        <v>156</v>
      </c>
      <c r="D93" s="84" t="s">
        <v>85</v>
      </c>
      <c r="E93" s="33" t="s">
        <v>157</v>
      </c>
      <c r="F93" s="84" t="s">
        <v>86</v>
      </c>
      <c r="G93" s="33" t="s">
        <v>158</v>
      </c>
      <c r="H93" s="84" t="s">
        <v>87</v>
      </c>
      <c r="I93" s="60" t="s">
        <v>72</v>
      </c>
      <c r="J93" s="60" t="s">
        <v>156</v>
      </c>
      <c r="K93" s="83" t="s">
        <v>85</v>
      </c>
      <c r="L93" s="60" t="s">
        <v>157</v>
      </c>
      <c r="M93" s="83" t="s">
        <v>86</v>
      </c>
      <c r="N93" s="60" t="s">
        <v>158</v>
      </c>
      <c r="O93" s="83" t="s">
        <v>87</v>
      </c>
      <c r="P93" s="33" t="s">
        <v>72</v>
      </c>
      <c r="Q93" s="33" t="s">
        <v>156</v>
      </c>
      <c r="R93" s="84" t="s">
        <v>85</v>
      </c>
      <c r="S93" s="33" t="s">
        <v>157</v>
      </c>
      <c r="T93" s="84" t="s">
        <v>86</v>
      </c>
      <c r="U93" s="33" t="s">
        <v>158</v>
      </c>
      <c r="V93" s="84" t="s">
        <v>87</v>
      </c>
      <c r="Z93" s="261"/>
    </row>
    <row r="94" spans="1:26" ht="72">
      <c r="A94" s="36"/>
      <c r="B94" s="37" t="s">
        <v>74</v>
      </c>
      <c r="C94" s="37" t="s">
        <v>159</v>
      </c>
      <c r="D94" s="86" t="s">
        <v>88</v>
      </c>
      <c r="E94" s="37" t="s">
        <v>160</v>
      </c>
      <c r="F94" s="86" t="s">
        <v>88</v>
      </c>
      <c r="G94" s="37" t="s">
        <v>161</v>
      </c>
      <c r="H94" s="86" t="s">
        <v>88</v>
      </c>
      <c r="I94" s="63" t="s">
        <v>74</v>
      </c>
      <c r="J94" s="63" t="s">
        <v>159</v>
      </c>
      <c r="K94" s="85" t="s">
        <v>88</v>
      </c>
      <c r="L94" s="63" t="s">
        <v>160</v>
      </c>
      <c r="M94" s="85" t="s">
        <v>88</v>
      </c>
      <c r="N94" s="63" t="s">
        <v>161</v>
      </c>
      <c r="O94" s="85" t="s">
        <v>88</v>
      </c>
      <c r="P94" s="37" t="s">
        <v>74</v>
      </c>
      <c r="Q94" s="37" t="s">
        <v>159</v>
      </c>
      <c r="R94" s="86" t="s">
        <v>88</v>
      </c>
      <c r="S94" s="37" t="s">
        <v>160</v>
      </c>
      <c r="T94" s="86" t="s">
        <v>88</v>
      </c>
      <c r="U94" s="37" t="s">
        <v>161</v>
      </c>
      <c r="V94" s="86" t="s">
        <v>88</v>
      </c>
    </row>
    <row r="95" spans="1:26">
      <c r="A95" s="40" t="s">
        <v>350</v>
      </c>
      <c r="B95" s="151">
        <v>10489</v>
      </c>
      <c r="C95" s="155">
        <v>0.14565470592678445</v>
      </c>
      <c r="D95" s="89">
        <v>6.8901089120470905E-3</v>
      </c>
      <c r="E95" s="155">
        <v>0.11374187917114803</v>
      </c>
      <c r="F95" s="89">
        <v>6.2024792183501959E-3</v>
      </c>
      <c r="G95" s="155">
        <v>0.74060341490207637</v>
      </c>
      <c r="H95" s="89">
        <v>8.5586450335398603E-3</v>
      </c>
      <c r="I95" s="151">
        <v>8312</v>
      </c>
      <c r="J95" s="155">
        <v>0.17744309172835074</v>
      </c>
      <c r="K95" s="89">
        <v>8.3817383862121574E-3</v>
      </c>
      <c r="L95" s="155">
        <v>0.12725743355485764</v>
      </c>
      <c r="M95" s="89">
        <v>7.313386375707615E-3</v>
      </c>
      <c r="N95" s="155">
        <v>0.69529947471679554</v>
      </c>
      <c r="O95" s="89">
        <v>1.0095617870299223E-2</v>
      </c>
      <c r="P95" s="151">
        <v>9626</v>
      </c>
      <c r="Q95" s="155">
        <v>0.11803423183595713</v>
      </c>
      <c r="R95" s="89">
        <v>6.5795974512955092E-3</v>
      </c>
      <c r="S95" s="155">
        <v>9.8303118975524198E-2</v>
      </c>
      <c r="T95" s="89">
        <v>6.0723788117061752E-3</v>
      </c>
      <c r="U95" s="155">
        <v>0.7836626491885258</v>
      </c>
      <c r="V95" s="89">
        <v>8.3933003107519218E-3</v>
      </c>
    </row>
    <row r="96" spans="1:26">
      <c r="A96" s="44" t="s">
        <v>351</v>
      </c>
      <c r="B96" s="152">
        <v>8304</v>
      </c>
      <c r="C96" s="156">
        <v>0.14117205369926639</v>
      </c>
      <c r="D96" s="92">
        <v>7.6441833036109364E-3</v>
      </c>
      <c r="E96" s="156">
        <v>0.10912478663506393</v>
      </c>
      <c r="F96" s="92">
        <v>6.8466823336989779E-3</v>
      </c>
      <c r="G96" s="156">
        <v>0.74970315966567358</v>
      </c>
      <c r="H96" s="92">
        <v>9.5065635720665183E-3</v>
      </c>
      <c r="I96" s="152">
        <v>6561</v>
      </c>
      <c r="J96" s="156">
        <v>0.18181338833319408</v>
      </c>
      <c r="K96" s="92">
        <v>9.5242702048950346E-3</v>
      </c>
      <c r="L96" s="156">
        <v>0.11615278684473487</v>
      </c>
      <c r="M96" s="92">
        <v>7.9158101162414458E-3</v>
      </c>
      <c r="N96" s="156">
        <v>0.70203382482207477</v>
      </c>
      <c r="O96" s="92">
        <v>1.1290852762469328E-2</v>
      </c>
      <c r="P96" s="152">
        <v>7483</v>
      </c>
      <c r="Q96" s="156">
        <v>0.1084955098102466</v>
      </c>
      <c r="R96" s="92">
        <v>7.1946720727196229E-3</v>
      </c>
      <c r="S96" s="156">
        <v>9.3708972906481808E-2</v>
      </c>
      <c r="T96" s="92">
        <v>6.7429649963781906E-3</v>
      </c>
      <c r="U96" s="156">
        <v>0.79779551728327425</v>
      </c>
      <c r="V96" s="92">
        <v>9.2863435419072611E-3</v>
      </c>
    </row>
    <row r="97" spans="1:22">
      <c r="A97" s="40" t="s">
        <v>352</v>
      </c>
      <c r="B97" s="151">
        <v>2185</v>
      </c>
      <c r="C97" s="155">
        <v>0.15051110979782892</v>
      </c>
      <c r="D97" s="89">
        <v>1.5311803847051563E-2</v>
      </c>
      <c r="E97" s="155">
        <v>0.11874393262681573</v>
      </c>
      <c r="F97" s="89">
        <v>1.3863166707576252E-2</v>
      </c>
      <c r="G97" s="155">
        <v>0.73074495757535696</v>
      </c>
      <c r="H97" s="89">
        <v>1.897083291588551E-2</v>
      </c>
      <c r="I97" s="151">
        <v>1751</v>
      </c>
      <c r="J97" s="155">
        <v>0.17304257853131097</v>
      </c>
      <c r="K97" s="89">
        <v>1.809034547158658E-2</v>
      </c>
      <c r="L97" s="155">
        <v>0.13843885871080203</v>
      </c>
      <c r="M97" s="89">
        <v>1.6528919048341806E-2</v>
      </c>
      <c r="N97" s="155">
        <v>0.68851856275788648</v>
      </c>
      <c r="O97" s="89">
        <v>2.2117148296631313E-2</v>
      </c>
      <c r="P97" s="151">
        <v>2143</v>
      </c>
      <c r="Q97" s="155">
        <v>0.12820596607496557</v>
      </c>
      <c r="R97" s="89">
        <v>1.4463469709951262E-2</v>
      </c>
      <c r="S97" s="155">
        <v>0.10320214347204745</v>
      </c>
      <c r="T97" s="89">
        <v>1.317275053546128E-2</v>
      </c>
      <c r="U97" s="155">
        <v>0.76859189045298848</v>
      </c>
      <c r="V97" s="89">
        <v>1.821708124947044E-2</v>
      </c>
    </row>
    <row r="98" spans="1:22">
      <c r="A98" s="44" t="s">
        <v>534</v>
      </c>
      <c r="B98" s="152">
        <v>1397</v>
      </c>
      <c r="C98" s="156">
        <v>0.1587568305258614</v>
      </c>
      <c r="D98" s="92">
        <v>1.9575588664451738E-2</v>
      </c>
      <c r="E98" s="156">
        <v>0.1199487777766971</v>
      </c>
      <c r="F98" s="92">
        <v>1.7428116238181426E-2</v>
      </c>
      <c r="G98" s="156">
        <v>0.72129439169744047</v>
      </c>
      <c r="H98" s="92">
        <v>2.3974053827768543E-2</v>
      </c>
      <c r="I98" s="152">
        <v>1114</v>
      </c>
      <c r="J98" s="156">
        <v>0.19786041643034133</v>
      </c>
      <c r="K98" s="92">
        <v>2.3878323748566754E-2</v>
      </c>
      <c r="L98" s="156">
        <v>0.12575263391843947</v>
      </c>
      <c r="M98" s="92">
        <v>1.9922869352424901E-2</v>
      </c>
      <c r="N98" s="156">
        <v>0.67638694965121571</v>
      </c>
      <c r="O98" s="92">
        <v>2.799884193847783E-2</v>
      </c>
      <c r="P98" s="152">
        <v>1298</v>
      </c>
      <c r="Q98" s="156">
        <v>0.13079609971759859</v>
      </c>
      <c r="R98" s="92">
        <v>1.875746610486578E-2</v>
      </c>
      <c r="S98" s="156">
        <v>0.10838830769631995</v>
      </c>
      <c r="T98" s="92">
        <v>1.7314399802886439E-2</v>
      </c>
      <c r="U98" s="156">
        <v>0.76081559258608</v>
      </c>
      <c r="V98" s="92">
        <v>2.367162421261609E-2</v>
      </c>
    </row>
    <row r="99" spans="1:22">
      <c r="A99" s="40" t="s">
        <v>535</v>
      </c>
      <c r="B99" s="151">
        <v>1183</v>
      </c>
      <c r="C99" s="155">
        <v>0.15047509757428654</v>
      </c>
      <c r="D99" s="89">
        <v>2.0821731095984619E-2</v>
      </c>
      <c r="E99" s="155">
        <v>0.11514592093381863</v>
      </c>
      <c r="F99" s="89">
        <v>1.8619941825129167E-2</v>
      </c>
      <c r="G99" s="155">
        <v>0.73437898149189562</v>
      </c>
      <c r="H99" s="89">
        <v>2.5662976946322101E-2</v>
      </c>
      <c r="I99" s="151">
        <v>945</v>
      </c>
      <c r="J99" s="155">
        <v>0.19916816172897042</v>
      </c>
      <c r="K99" s="89">
        <v>2.5990312199065675E-2</v>
      </c>
      <c r="L99" s="155">
        <v>0.12136267075929721</v>
      </c>
      <c r="M99" s="89">
        <v>2.1319961269835253E-2</v>
      </c>
      <c r="N99" s="155">
        <v>0.67946916751173037</v>
      </c>
      <c r="O99" s="89">
        <v>3.0317029940100042E-2</v>
      </c>
      <c r="P99" s="151">
        <v>1089</v>
      </c>
      <c r="Q99" s="155">
        <v>0.12573311079523036</v>
      </c>
      <c r="R99" s="89">
        <v>2.0150184183632954E-2</v>
      </c>
      <c r="S99" s="155">
        <v>9.9119566078788621E-2</v>
      </c>
      <c r="T99" s="89">
        <v>1.8195741146146784E-2</v>
      </c>
      <c r="U99" s="155">
        <v>0.77514732312598189</v>
      </c>
      <c r="V99" s="89">
        <v>2.5295838053073536E-2</v>
      </c>
    </row>
    <row r="100" spans="1:22">
      <c r="A100" s="44" t="s">
        <v>546</v>
      </c>
      <c r="B100" s="152">
        <v>215</v>
      </c>
      <c r="C100" s="156">
        <v>0.18933951052071504</v>
      </c>
      <c r="D100" s="92">
        <v>5.3546948015539449E-2</v>
      </c>
      <c r="E100" s="156">
        <v>0.13755757414593506</v>
      </c>
      <c r="F100" s="92">
        <v>4.7473206632289065E-2</v>
      </c>
      <c r="G100" s="156">
        <v>0.6731029153333512</v>
      </c>
      <c r="H100" s="92">
        <v>6.35509334205802E-2</v>
      </c>
      <c r="I100" s="152">
        <v>170</v>
      </c>
      <c r="J100" s="156">
        <v>0.19191801074319731</v>
      </c>
      <c r="K100" s="92">
        <v>6.0533872707254972E-2</v>
      </c>
      <c r="L100" s="156">
        <v>0.14131564953431552</v>
      </c>
      <c r="M100" s="92">
        <v>5.4073745783627329E-2</v>
      </c>
      <c r="N100" s="156">
        <v>0.66676633972248822</v>
      </c>
      <c r="O100" s="92">
        <v>7.167181876683193E-2</v>
      </c>
      <c r="P100" s="152">
        <v>210</v>
      </c>
      <c r="Q100" s="156">
        <v>0.14914467036871262</v>
      </c>
      <c r="R100" s="92">
        <v>4.9569997481759852E-2</v>
      </c>
      <c r="S100" s="156">
        <v>0.14258952246778306</v>
      </c>
      <c r="T100" s="92">
        <v>4.871978464215395E-2</v>
      </c>
      <c r="U100" s="156">
        <v>0.70826580716350551</v>
      </c>
      <c r="V100" s="92">
        <v>6.2387346194499212E-2</v>
      </c>
    </row>
    <row r="101" spans="1:22">
      <c r="A101" s="40" t="s">
        <v>536</v>
      </c>
      <c r="B101" s="151">
        <v>259</v>
      </c>
      <c r="C101" s="155">
        <v>0.21627209821270924</v>
      </c>
      <c r="D101" s="89">
        <v>5.1135928875290525E-2</v>
      </c>
      <c r="E101" s="155">
        <v>0.10479955906167562</v>
      </c>
      <c r="F101" s="89">
        <v>3.8711432967532121E-2</v>
      </c>
      <c r="G101" s="155">
        <v>0.6789283427256152</v>
      </c>
      <c r="H101" s="89">
        <v>5.7706625732706303E-2</v>
      </c>
      <c r="I101" s="151">
        <v>211</v>
      </c>
      <c r="J101" s="155">
        <v>0.22892919689077817</v>
      </c>
      <c r="K101" s="89">
        <v>5.7745117991377326E-2</v>
      </c>
      <c r="L101" s="155">
        <v>0.11928285469272057</v>
      </c>
      <c r="M101" s="89">
        <v>4.532007254268175E-2</v>
      </c>
      <c r="N101" s="155">
        <v>0.65178794841650367</v>
      </c>
      <c r="O101" s="89">
        <v>6.5102385295572093E-2</v>
      </c>
      <c r="P101" s="151">
        <v>229</v>
      </c>
      <c r="Q101" s="155">
        <v>0.18204798574174666</v>
      </c>
      <c r="R101" s="89">
        <v>5.1141097983395063E-2</v>
      </c>
      <c r="S101" s="155">
        <v>8.183859028399651E-2</v>
      </c>
      <c r="T101" s="89">
        <v>3.7311642532246787E-2</v>
      </c>
      <c r="U101" s="155">
        <v>0.73611342397425672</v>
      </c>
      <c r="V101" s="89">
        <v>5.8028876661191185E-2</v>
      </c>
    </row>
    <row r="102" spans="1:22">
      <c r="A102" s="44" t="s">
        <v>537</v>
      </c>
      <c r="B102" s="152">
        <v>79</v>
      </c>
      <c r="C102" s="156">
        <v>0.30358277616473811</v>
      </c>
      <c r="D102" s="92">
        <v>0.10180283303544221</v>
      </c>
      <c r="E102" s="156">
        <v>0.10582510324276255</v>
      </c>
      <c r="F102" s="92">
        <v>7.2557772906205784E-2</v>
      </c>
      <c r="G102" s="156">
        <v>0.5905921205924991</v>
      </c>
      <c r="H102" s="92">
        <v>0.10811975430047871</v>
      </c>
      <c r="I102" s="152">
        <v>71</v>
      </c>
      <c r="J102" s="156">
        <v>0.25642584224763604</v>
      </c>
      <c r="K102" s="92">
        <v>0.10245811708157761</v>
      </c>
      <c r="L102" s="156">
        <v>0.17934462287615574</v>
      </c>
      <c r="M102" s="92">
        <v>9.1754779451831289E-2</v>
      </c>
      <c r="N102" s="156">
        <v>0.56422953487620786</v>
      </c>
      <c r="O102" s="92">
        <v>0.11461305998576631</v>
      </c>
      <c r="P102" s="152">
        <v>68</v>
      </c>
      <c r="Q102" s="156">
        <v>0.18741808626908368</v>
      </c>
      <c r="R102" s="92">
        <v>9.5116117526455879E-2</v>
      </c>
      <c r="S102" s="156">
        <v>6.0061386826806541E-2</v>
      </c>
      <c r="T102" s="92">
        <v>6.5558185248499309E-2</v>
      </c>
      <c r="U102" s="156">
        <v>0.75252052690410975</v>
      </c>
      <c r="V102" s="92">
        <v>0.10358081991031753</v>
      </c>
    </row>
    <row r="103" spans="1:22">
      <c r="A103" s="40" t="s">
        <v>538</v>
      </c>
      <c r="B103" s="151">
        <v>76</v>
      </c>
      <c r="C103" s="155">
        <v>0.11373130254438654</v>
      </c>
      <c r="D103" s="89">
        <v>7.594202896379719E-2</v>
      </c>
      <c r="E103" s="155">
        <v>0.10535564180520986</v>
      </c>
      <c r="F103" s="89">
        <v>7.3973267829291714E-2</v>
      </c>
      <c r="G103" s="155">
        <v>0.78091305565040348</v>
      </c>
      <c r="H103" s="89">
        <v>9.4546758084704016E-2</v>
      </c>
      <c r="I103" s="151">
        <v>56</v>
      </c>
      <c r="J103" s="155">
        <v>0.16097546720271427</v>
      </c>
      <c r="K103" s="89">
        <v>9.9958841556090389E-2</v>
      </c>
      <c r="L103" s="155">
        <v>0.16712789182085225</v>
      </c>
      <c r="M103" s="89">
        <v>0.10115253942128374</v>
      </c>
      <c r="N103" s="155">
        <v>0.67189664097643331</v>
      </c>
      <c r="O103" s="89">
        <v>0.12227292215297743</v>
      </c>
      <c r="P103" s="151">
        <v>66</v>
      </c>
      <c r="Q103" s="155">
        <v>0.12207492072340292</v>
      </c>
      <c r="R103" s="89">
        <v>8.3846590142304639E-2</v>
      </c>
      <c r="S103" s="155">
        <v>0.13365529968138981</v>
      </c>
      <c r="T103" s="89">
        <v>8.6418065662661622E-2</v>
      </c>
      <c r="U103" s="155">
        <v>0.74426977959520724</v>
      </c>
      <c r="V103" s="89">
        <v>0.10608799850932227</v>
      </c>
    </row>
    <row r="104" spans="1:22">
      <c r="A104" s="44" t="s">
        <v>539</v>
      </c>
      <c r="B104" s="152">
        <v>86</v>
      </c>
      <c r="C104" s="156">
        <v>0.2179637888126699</v>
      </c>
      <c r="D104" s="92">
        <v>8.8786652223605114E-2</v>
      </c>
      <c r="E104" s="156">
        <v>9.0418213265377329E-2</v>
      </c>
      <c r="F104" s="92">
        <v>6.5599167446669396E-2</v>
      </c>
      <c r="G104" s="156">
        <v>0.69161799792195278</v>
      </c>
      <c r="H104" s="92">
        <v>9.8086988270368408E-2</v>
      </c>
      <c r="I104" s="152">
        <v>69</v>
      </c>
      <c r="J104" s="156">
        <v>0.22395782922405338</v>
      </c>
      <c r="K104" s="92">
        <v>9.984166705308814E-2</v>
      </c>
      <c r="L104" s="156">
        <v>5.9344462636592023E-2</v>
      </c>
      <c r="M104" s="92">
        <v>6.4752170825872687E-2</v>
      </c>
      <c r="N104" s="156">
        <v>0.71669770813935441</v>
      </c>
      <c r="O104" s="92">
        <v>0.10677006042732733</v>
      </c>
      <c r="P104" s="152">
        <v>78</v>
      </c>
      <c r="Q104" s="156">
        <v>0.21415286662918598</v>
      </c>
      <c r="R104" s="92">
        <v>9.2675293880681173E-2</v>
      </c>
      <c r="S104" s="156">
        <v>7.0181702708024443E-2</v>
      </c>
      <c r="T104" s="92">
        <v>6.3568825454199632E-2</v>
      </c>
      <c r="U104" s="156">
        <v>0.71566543066278987</v>
      </c>
      <c r="V104" s="92">
        <v>0.10070857762978995</v>
      </c>
    </row>
    <row r="105" spans="1:22">
      <c r="A105" s="40" t="s">
        <v>540</v>
      </c>
      <c r="B105" s="151">
        <v>91</v>
      </c>
      <c r="C105" s="155">
        <v>0.16448590427030363</v>
      </c>
      <c r="D105" s="89">
        <v>7.8595641072349023E-2</v>
      </c>
      <c r="E105" s="155">
        <v>5.8689220797497929E-2</v>
      </c>
      <c r="F105" s="89">
        <v>5.4791456112397295E-2</v>
      </c>
      <c r="G105" s="155">
        <v>0.77682487493219843</v>
      </c>
      <c r="H105" s="89">
        <v>8.6981027168803376E-2</v>
      </c>
      <c r="I105" s="151">
        <v>76</v>
      </c>
      <c r="J105" s="155">
        <v>0.13906441956783733</v>
      </c>
      <c r="K105" s="89">
        <v>8.1371761031463888E-2</v>
      </c>
      <c r="L105" s="155">
        <v>8.3220952367259196E-2</v>
      </c>
      <c r="M105" s="89">
        <v>6.8275706137888775E-2</v>
      </c>
      <c r="N105" s="155">
        <v>0.77771462806490332</v>
      </c>
      <c r="O105" s="89">
        <v>9.4972183634549567E-2</v>
      </c>
      <c r="P105" s="151">
        <v>82</v>
      </c>
      <c r="Q105" s="155">
        <v>7.9681794368983552E-2</v>
      </c>
      <c r="R105" s="89">
        <v>6.4478080665622245E-2</v>
      </c>
      <c r="S105" s="155">
        <v>7.3393999447720917E-2</v>
      </c>
      <c r="T105" s="89">
        <v>6.2707575815870803E-2</v>
      </c>
      <c r="U105" s="155">
        <v>0.84692420618329545</v>
      </c>
      <c r="V105" s="89">
        <v>8.0861399936832182E-2</v>
      </c>
    </row>
    <row r="106" spans="1:22">
      <c r="A106" s="44" t="s">
        <v>541</v>
      </c>
      <c r="B106" s="152">
        <v>92</v>
      </c>
      <c r="C106" s="156">
        <v>0.12344580035915616</v>
      </c>
      <c r="D106" s="92">
        <v>7.0644902797081355E-2</v>
      </c>
      <c r="E106" s="156">
        <v>9.8322594494325774E-2</v>
      </c>
      <c r="F106" s="92">
        <v>6.5134650390189702E-2</v>
      </c>
      <c r="G106" s="156">
        <v>0.77823160514651779</v>
      </c>
      <c r="H106" s="92">
        <v>8.6338443897625128E-2</v>
      </c>
      <c r="I106" s="152">
        <v>79</v>
      </c>
      <c r="J106" s="156">
        <v>0.16714418190684543</v>
      </c>
      <c r="K106" s="92">
        <v>8.491768538682265E-2</v>
      </c>
      <c r="L106" s="156">
        <v>9.3345141405104734E-2</v>
      </c>
      <c r="M106" s="92">
        <v>6.9485840584456587E-2</v>
      </c>
      <c r="N106" s="156">
        <v>0.73951067668804982</v>
      </c>
      <c r="O106" s="92">
        <v>9.7691571192162416E-2</v>
      </c>
      <c r="P106" s="152">
        <v>83</v>
      </c>
      <c r="Q106" s="156">
        <v>0.14634777004580474</v>
      </c>
      <c r="R106" s="92">
        <v>7.9123473194989483E-2</v>
      </c>
      <c r="S106" s="156">
        <v>5.7050803453036231E-2</v>
      </c>
      <c r="T106" s="92">
        <v>5.7304591605066048E-2</v>
      </c>
      <c r="U106" s="156">
        <v>0.79660142650115873</v>
      </c>
      <c r="V106" s="92">
        <v>8.8390733081226441E-2</v>
      </c>
    </row>
    <row r="107" spans="1:22">
      <c r="A107" s="40" t="s">
        <v>542</v>
      </c>
      <c r="B107" s="151">
        <v>135</v>
      </c>
      <c r="C107" s="155">
        <v>0.17973764856232388</v>
      </c>
      <c r="D107" s="89">
        <v>6.64084334074896E-2</v>
      </c>
      <c r="E107" s="155">
        <v>0.11341380250267966</v>
      </c>
      <c r="F107" s="89">
        <v>5.6013545630429533E-2</v>
      </c>
      <c r="G107" s="155">
        <v>0.70684854893499571</v>
      </c>
      <c r="H107" s="89">
        <v>7.7671280762466169E-2</v>
      </c>
      <c r="I107" s="151">
        <v>117</v>
      </c>
      <c r="J107" s="155">
        <v>0.28501678214862758</v>
      </c>
      <c r="K107" s="89">
        <v>8.2679792469834465E-2</v>
      </c>
      <c r="L107" s="155">
        <v>0.10155512981583788</v>
      </c>
      <c r="M107" s="89">
        <v>5.7944005005844332E-2</v>
      </c>
      <c r="N107" s="155">
        <v>0.61342808803553406</v>
      </c>
      <c r="O107" s="89">
        <v>8.869497339721083E-2</v>
      </c>
      <c r="P107" s="151">
        <v>129</v>
      </c>
      <c r="Q107" s="155">
        <v>0.13513268169814213</v>
      </c>
      <c r="R107" s="89">
        <v>6.1254831260873284E-2</v>
      </c>
      <c r="S107" s="155">
        <v>0.10391199951975658</v>
      </c>
      <c r="T107" s="89">
        <v>5.5497510391239659E-2</v>
      </c>
      <c r="U107" s="155">
        <v>0.76095531878210065</v>
      </c>
      <c r="V107" s="89">
        <v>7.4780244878845673E-2</v>
      </c>
    </row>
    <row r="108" spans="1:22">
      <c r="A108" s="44" t="s">
        <v>547</v>
      </c>
      <c r="B108" s="152">
        <v>52</v>
      </c>
      <c r="C108" s="156">
        <v>0.23062989250838911</v>
      </c>
      <c r="D108" s="92">
        <v>0.11570754096163031</v>
      </c>
      <c r="E108" s="156">
        <v>9.7150774090803485E-2</v>
      </c>
      <c r="F108" s="92">
        <v>8.8668093852321911E-2</v>
      </c>
      <c r="G108" s="156">
        <v>0.6722193334008072</v>
      </c>
      <c r="H108" s="92">
        <v>0.12661139885668282</v>
      </c>
      <c r="I108" s="152">
        <v>44</v>
      </c>
      <c r="J108" s="156">
        <v>0.32452880903553433</v>
      </c>
      <c r="K108" s="92">
        <v>0.13666495848806079</v>
      </c>
      <c r="L108" s="156">
        <v>0.14327191567378039</v>
      </c>
      <c r="M108" s="92">
        <v>0.10919039695484438</v>
      </c>
      <c r="N108" s="156">
        <v>0.53219927529068534</v>
      </c>
      <c r="O108" s="92">
        <v>0.14408585565710666</v>
      </c>
      <c r="P108" s="152">
        <v>50</v>
      </c>
      <c r="Q108" s="156">
        <v>0.14226532493107405</v>
      </c>
      <c r="R108" s="92">
        <v>0.10193783073018894</v>
      </c>
      <c r="S108" s="156">
        <v>8.3405383924754745E-2</v>
      </c>
      <c r="T108" s="92">
        <v>8.6584545209029376E-2</v>
      </c>
      <c r="U108" s="156">
        <v>0.77432929114417104</v>
      </c>
      <c r="V108" s="92">
        <v>0.11721446935301341</v>
      </c>
    </row>
    <row r="109" spans="1:22">
      <c r="A109" s="52" t="s">
        <v>548</v>
      </c>
      <c r="B109" s="151">
        <v>88</v>
      </c>
      <c r="C109" s="155">
        <v>0.10019209121364472</v>
      </c>
      <c r="D109" s="89">
        <v>6.716338056727178E-2</v>
      </c>
      <c r="E109" s="155">
        <v>0.16527042794020663</v>
      </c>
      <c r="F109" s="89">
        <v>8.0078020934262487E-2</v>
      </c>
      <c r="G109" s="155">
        <v>0.73453748084614889</v>
      </c>
      <c r="H109" s="89">
        <v>9.3173861580317971E-2</v>
      </c>
      <c r="I109" s="151">
        <v>69</v>
      </c>
      <c r="J109" s="155">
        <v>0.14153273767906369</v>
      </c>
      <c r="K109" s="89">
        <v>8.6070207060997328E-2</v>
      </c>
      <c r="L109" s="155">
        <v>0.18977347622210339</v>
      </c>
      <c r="M109" s="89">
        <v>9.4801147717705897E-2</v>
      </c>
      <c r="N109" s="155">
        <v>0.66869378609883323</v>
      </c>
      <c r="O109" s="89">
        <v>0.11093021494085439</v>
      </c>
      <c r="P109" s="151">
        <v>84</v>
      </c>
      <c r="Q109" s="155">
        <v>8.0315562468220844E-2</v>
      </c>
      <c r="R109" s="89">
        <v>6.3787050816069696E-2</v>
      </c>
      <c r="S109" s="155">
        <v>0.14742261459015402</v>
      </c>
      <c r="T109" s="89">
        <v>7.8836231215093727E-2</v>
      </c>
      <c r="U109" s="155">
        <v>0.77226182294162526</v>
      </c>
      <c r="V109" s="89">
        <v>9.106918413809531E-2</v>
      </c>
    </row>
    <row r="110" spans="1:22">
      <c r="A110" s="44" t="s">
        <v>549</v>
      </c>
      <c r="B110" s="152">
        <v>68</v>
      </c>
      <c r="C110" s="156">
        <v>0.20513764669116213</v>
      </c>
      <c r="D110" s="92">
        <v>9.7879821595704172E-2</v>
      </c>
      <c r="E110" s="156">
        <v>0.11632202656925603</v>
      </c>
      <c r="F110" s="92">
        <v>8.1203925916624828E-2</v>
      </c>
      <c r="G110" s="156">
        <v>0.67854032673958198</v>
      </c>
      <c r="H110" s="92">
        <v>0.11094713876909137</v>
      </c>
      <c r="I110" s="152">
        <v>60</v>
      </c>
      <c r="J110" s="156">
        <v>0.18348063871668976</v>
      </c>
      <c r="K110" s="92">
        <v>0.10060666338033346</v>
      </c>
      <c r="L110" s="156">
        <v>0.17944706629609361</v>
      </c>
      <c r="M110" s="92">
        <v>9.9902673287102228E-2</v>
      </c>
      <c r="N110" s="156">
        <v>0.63707229498721696</v>
      </c>
      <c r="O110" s="92">
        <v>0.12080107457579678</v>
      </c>
      <c r="P110" s="152">
        <v>67</v>
      </c>
      <c r="Q110" s="156">
        <v>0.19730326539201073</v>
      </c>
      <c r="R110" s="92">
        <v>9.7405165000268454E-2</v>
      </c>
      <c r="S110" s="156">
        <v>5.9426190991666461E-2</v>
      </c>
      <c r="T110" s="92">
        <v>6.5927681852475481E-2</v>
      </c>
      <c r="U110" s="156">
        <v>0.74327054361632294</v>
      </c>
      <c r="V110" s="92">
        <v>0.10542999463934934</v>
      </c>
    </row>
    <row r="111" spans="1:22">
      <c r="A111" s="52" t="s">
        <v>550</v>
      </c>
      <c r="B111" s="151">
        <v>87</v>
      </c>
      <c r="C111" s="155">
        <v>0.17751535470054297</v>
      </c>
      <c r="D111" s="89">
        <v>8.2527452546553637E-2</v>
      </c>
      <c r="E111" s="155">
        <v>6.6350794344741101E-2</v>
      </c>
      <c r="F111" s="89">
        <v>5.8597917398830038E-2</v>
      </c>
      <c r="G111" s="155">
        <v>0.75613385095471575</v>
      </c>
      <c r="H111" s="89">
        <v>9.1396041119366195E-2</v>
      </c>
      <c r="I111" s="151">
        <v>70</v>
      </c>
      <c r="J111" s="155">
        <v>0.21358545224001266</v>
      </c>
      <c r="K111" s="89">
        <v>9.770210729369809E-2</v>
      </c>
      <c r="L111" s="155">
        <v>9.7389664205990933E-2</v>
      </c>
      <c r="M111" s="89">
        <v>7.5320968759217954E-2</v>
      </c>
      <c r="N111" s="155">
        <v>0.68902488355399627</v>
      </c>
      <c r="O111" s="89">
        <v>0.10856009457930899</v>
      </c>
      <c r="P111" s="151">
        <v>84</v>
      </c>
      <c r="Q111" s="155">
        <v>0.14885609249401879</v>
      </c>
      <c r="R111" s="89">
        <v>7.9100763310813907E-2</v>
      </c>
      <c r="S111" s="155">
        <v>6.2298406617455421E-2</v>
      </c>
      <c r="T111" s="89">
        <v>5.8557699156275969E-2</v>
      </c>
      <c r="U111" s="155">
        <v>0.78884550088852545</v>
      </c>
      <c r="V111" s="89">
        <v>8.8928111709419486E-2</v>
      </c>
    </row>
    <row r="112" spans="1:22">
      <c r="A112" s="44" t="s">
        <v>551</v>
      </c>
      <c r="B112" s="152">
        <v>77</v>
      </c>
      <c r="C112" s="156">
        <v>0.10733239875963779</v>
      </c>
      <c r="D112" s="92">
        <v>7.3925078349603171E-2</v>
      </c>
      <c r="E112" s="156">
        <v>0.10229467782543282</v>
      </c>
      <c r="F112" s="92">
        <v>7.2713351466433457E-2</v>
      </c>
      <c r="G112" s="156">
        <v>0.79037292341492926</v>
      </c>
      <c r="H112" s="92">
        <v>9.264441404882616E-2</v>
      </c>
      <c r="I112" s="152">
        <v>55</v>
      </c>
      <c r="J112" s="156">
        <v>0.19940967807974938</v>
      </c>
      <c r="K112" s="92">
        <v>0.10782333881512175</v>
      </c>
      <c r="L112" s="156">
        <v>8.0066886687299887E-2</v>
      </c>
      <c r="M112" s="92">
        <v>8.099243047703153E-2</v>
      </c>
      <c r="N112" s="156">
        <v>0.72052343523295059</v>
      </c>
      <c r="O112" s="92">
        <v>0.11867627739434244</v>
      </c>
      <c r="P112" s="152">
        <v>76</v>
      </c>
      <c r="Q112" s="156">
        <v>8.621391370573131E-2</v>
      </c>
      <c r="R112" s="92">
        <v>6.9092300583103325E-2</v>
      </c>
      <c r="S112" s="156">
        <v>0.12723507743855073</v>
      </c>
      <c r="T112" s="92">
        <v>7.8928542694721798E-2</v>
      </c>
      <c r="U112" s="156">
        <v>0.78655100885571771</v>
      </c>
      <c r="V112" s="92">
        <v>9.3780165464159515E-2</v>
      </c>
    </row>
    <row r="113" spans="1:22">
      <c r="A113" s="52" t="s">
        <v>543</v>
      </c>
      <c r="B113" s="151">
        <v>131</v>
      </c>
      <c r="C113" s="155">
        <v>7.8655132733027724E-2</v>
      </c>
      <c r="D113" s="89">
        <v>4.9541013398798947E-2</v>
      </c>
      <c r="E113" s="155">
        <v>0.18950305844718959</v>
      </c>
      <c r="F113" s="89">
        <v>6.8685024170394751E-2</v>
      </c>
      <c r="G113" s="155">
        <v>0.73184180881978189</v>
      </c>
      <c r="H113" s="89">
        <v>7.6862052359939106E-2</v>
      </c>
      <c r="I113" s="151">
        <v>89</v>
      </c>
      <c r="J113" s="155">
        <v>0.21727938903864896</v>
      </c>
      <c r="K113" s="89">
        <v>8.7201896500969114E-2</v>
      </c>
      <c r="L113" s="155">
        <v>0.12166157956392606</v>
      </c>
      <c r="M113" s="89">
        <v>7.1514599253607258E-2</v>
      </c>
      <c r="N113" s="155">
        <v>0.66105903139742506</v>
      </c>
      <c r="O113" s="89">
        <v>9.864531885741866E-2</v>
      </c>
      <c r="P113" s="151">
        <v>124</v>
      </c>
      <c r="Q113" s="155">
        <v>0.13188411766091201</v>
      </c>
      <c r="R113" s="89">
        <v>6.1954543642159118E-2</v>
      </c>
      <c r="S113" s="155">
        <v>9.0764936904640589E-2</v>
      </c>
      <c r="T113" s="89">
        <v>5.3860409424203282E-2</v>
      </c>
      <c r="U113" s="155">
        <v>0.77735094543444649</v>
      </c>
      <c r="V113" s="89">
        <v>7.454215545973232E-2</v>
      </c>
    </row>
    <row r="114" spans="1:22">
      <c r="A114" s="44" t="s">
        <v>544</v>
      </c>
      <c r="B114" s="152">
        <v>41</v>
      </c>
      <c r="C114" s="156">
        <v>5.3563549122247249E-2</v>
      </c>
      <c r="D114" s="92">
        <v>8.6693239774434383E-2</v>
      </c>
      <c r="E114" s="156">
        <v>0.22300178492952064</v>
      </c>
      <c r="F114" s="92">
        <v>0.12868783181695614</v>
      </c>
      <c r="G114" s="156">
        <v>0.72343466594823214</v>
      </c>
      <c r="H114" s="92">
        <v>0.13615602331448365</v>
      </c>
      <c r="I114" s="152">
        <v>23</v>
      </c>
      <c r="J114" s="156">
        <v>0.11689200053179404</v>
      </c>
      <c r="K114" s="92">
        <v>0.14580293949969614</v>
      </c>
      <c r="L114" s="156">
        <v>0.13209854837792251</v>
      </c>
      <c r="M114" s="92">
        <v>0.14995406032082076</v>
      </c>
      <c r="N114" s="156">
        <v>0.75100945109028316</v>
      </c>
      <c r="O114" s="92">
        <v>0.17396456943880961</v>
      </c>
      <c r="P114" s="152">
        <v>38</v>
      </c>
      <c r="Q114" s="156">
        <v>0.12665999644708853</v>
      </c>
      <c r="R114" s="92">
        <v>0.11376755577845654</v>
      </c>
      <c r="S114" s="156">
        <v>9.43616484909654E-2</v>
      </c>
      <c r="T114" s="92">
        <v>0.10479299428442398</v>
      </c>
      <c r="U114" s="156">
        <v>0.77897835506194613</v>
      </c>
      <c r="V114" s="92">
        <v>0.13319863535002346</v>
      </c>
    </row>
    <row r="115" spans="1:22">
      <c r="A115" s="52" t="s">
        <v>552</v>
      </c>
      <c r="B115" s="151">
        <v>90</v>
      </c>
      <c r="C115" s="155">
        <v>9.0577136972284075E-2</v>
      </c>
      <c r="D115" s="89">
        <v>6.4026430375733592E-2</v>
      </c>
      <c r="E115" s="155">
        <v>0.17358648796176013</v>
      </c>
      <c r="F115" s="89">
        <v>8.0511401293008794E-2</v>
      </c>
      <c r="G115" s="155">
        <v>0.73583637506595556</v>
      </c>
      <c r="H115" s="89">
        <v>9.2025437199661192E-2</v>
      </c>
      <c r="I115" s="151">
        <v>66</v>
      </c>
      <c r="J115" s="155">
        <v>0.25522182878312449</v>
      </c>
      <c r="K115" s="89">
        <v>0.10602845571503455</v>
      </c>
      <c r="L115" s="155">
        <v>0.11771682050374796</v>
      </c>
      <c r="M115" s="89">
        <v>8.2836893363537834E-2</v>
      </c>
      <c r="N115" s="155">
        <v>0.62706135071312707</v>
      </c>
      <c r="O115" s="89">
        <v>0.11604132066420375</v>
      </c>
      <c r="P115" s="151">
        <v>86</v>
      </c>
      <c r="Q115" s="155">
        <v>0.13427980085476948</v>
      </c>
      <c r="R115" s="89">
        <v>7.5387454647285995E-2</v>
      </c>
      <c r="S115" s="155">
        <v>8.9115552989560337E-2</v>
      </c>
      <c r="T115" s="89">
        <v>6.526773775300003E-2</v>
      </c>
      <c r="U115" s="155">
        <v>0.77660464615567026</v>
      </c>
      <c r="V115" s="89">
        <v>8.947740598049099E-2</v>
      </c>
    </row>
    <row r="116" spans="1:22">
      <c r="A116" s="44" t="s">
        <v>545</v>
      </c>
      <c r="B116" s="152">
        <v>154</v>
      </c>
      <c r="C116" s="156">
        <v>0.19488884405514983</v>
      </c>
      <c r="D116" s="92">
        <v>6.3954310743474962E-2</v>
      </c>
      <c r="E116" s="156">
        <v>9.8050762181290482E-2</v>
      </c>
      <c r="F116" s="92">
        <v>4.9430599690265233E-2</v>
      </c>
      <c r="G116" s="156">
        <v>0.70706039376355923</v>
      </c>
      <c r="H116" s="92">
        <v>7.2787074624774198E-2</v>
      </c>
      <c r="I116" s="152">
        <v>118</v>
      </c>
      <c r="J116" s="156">
        <v>0.20485885397223902</v>
      </c>
      <c r="K116" s="92">
        <v>7.432981081768196E-2</v>
      </c>
      <c r="L116" s="156">
        <v>0.12512492721653831</v>
      </c>
      <c r="M116" s="92">
        <v>6.2340361371608824E-2</v>
      </c>
      <c r="N116" s="156">
        <v>0.67001621881122264</v>
      </c>
      <c r="O116" s="92">
        <v>8.5499277358595055E-2</v>
      </c>
      <c r="P116" s="152">
        <v>130</v>
      </c>
      <c r="Q116" s="156">
        <v>0.11307783242521524</v>
      </c>
      <c r="R116" s="92">
        <v>5.7066515872913587E-2</v>
      </c>
      <c r="S116" s="156">
        <v>0.14107024951409744</v>
      </c>
      <c r="T116" s="92">
        <v>6.1993262658802173E-2</v>
      </c>
      <c r="U116" s="156">
        <v>0.74585191806068674</v>
      </c>
      <c r="V116" s="92">
        <v>7.5924456302788199E-2</v>
      </c>
    </row>
    <row r="119" spans="1:22" ht="18.75">
      <c r="A119" s="337" t="s">
        <v>4</v>
      </c>
      <c r="B119" s="337"/>
      <c r="C119" s="337"/>
      <c r="D119" s="337"/>
    </row>
    <row r="120" spans="1:22" ht="135.75" customHeight="1">
      <c r="A120" s="373" t="s">
        <v>382</v>
      </c>
      <c r="B120" s="372"/>
      <c r="C120" s="372"/>
      <c r="D120" s="372"/>
    </row>
    <row r="121" spans="1:22" ht="41.25" customHeight="1">
      <c r="A121" s="374" t="s">
        <v>383</v>
      </c>
      <c r="B121" s="375"/>
      <c r="C121" s="375"/>
      <c r="D121" s="375"/>
    </row>
    <row r="122" spans="1:22" ht="72">
      <c r="A122" s="32" t="s">
        <v>71</v>
      </c>
      <c r="B122" s="33" t="s">
        <v>72</v>
      </c>
      <c r="C122" s="34" t="s">
        <v>589</v>
      </c>
      <c r="D122" s="35" t="s">
        <v>73</v>
      </c>
    </row>
    <row r="123" spans="1:22" ht="108">
      <c r="A123" s="36"/>
      <c r="B123" s="37" t="s">
        <v>74</v>
      </c>
      <c r="C123" s="38" t="s">
        <v>384</v>
      </c>
      <c r="D123" s="39" t="s">
        <v>76</v>
      </c>
    </row>
    <row r="124" spans="1:22">
      <c r="A124" s="40" t="s">
        <v>350</v>
      </c>
      <c r="B124" s="78">
        <v>12672</v>
      </c>
      <c r="C124" s="79">
        <v>4.3322968797313424</v>
      </c>
      <c r="D124" s="80">
        <v>2.3528368041419931E-2</v>
      </c>
    </row>
    <row r="125" spans="1:22">
      <c r="A125" s="44" t="s">
        <v>351</v>
      </c>
      <c r="B125" s="114">
        <v>9414</v>
      </c>
      <c r="C125" s="115">
        <v>4.3457102995732457</v>
      </c>
      <c r="D125" s="116">
        <v>2.7090466565666174E-2</v>
      </c>
    </row>
    <row r="126" spans="1:22">
      <c r="A126" s="40" t="s">
        <v>352</v>
      </c>
      <c r="B126" s="78">
        <v>3258</v>
      </c>
      <c r="C126" s="79">
        <v>4.3211313247473422</v>
      </c>
      <c r="D126" s="80">
        <v>4.7156791440410843E-2</v>
      </c>
    </row>
    <row r="127" spans="1:22">
      <c r="A127" s="44" t="s">
        <v>534</v>
      </c>
      <c r="B127" s="114">
        <v>1713</v>
      </c>
      <c r="C127" s="115">
        <v>4.2377816146106362</v>
      </c>
      <c r="D127" s="116">
        <v>6.460189551294554E-2</v>
      </c>
    </row>
    <row r="128" spans="1:22">
      <c r="A128" s="40" t="s">
        <v>535</v>
      </c>
      <c r="B128" s="78">
        <v>1409</v>
      </c>
      <c r="C128" s="79">
        <v>4.2206558422313911</v>
      </c>
      <c r="D128" s="80">
        <v>7.2279379003216682E-2</v>
      </c>
    </row>
    <row r="129" spans="1:4">
      <c r="A129" s="44" t="s">
        <v>546</v>
      </c>
      <c r="B129" s="114">
        <v>307</v>
      </c>
      <c r="C129" s="115">
        <v>4.2871715616354846</v>
      </c>
      <c r="D129" s="116">
        <v>0.14243381692755</v>
      </c>
    </row>
    <row r="130" spans="1:4">
      <c r="A130" s="40" t="s">
        <v>536</v>
      </c>
      <c r="B130" s="78">
        <v>277</v>
      </c>
      <c r="C130" s="79">
        <v>4.2831138573869199</v>
      </c>
      <c r="D130" s="80">
        <v>0.15857280318612629</v>
      </c>
    </row>
    <row r="131" spans="1:4">
      <c r="A131" s="44" t="s">
        <v>537</v>
      </c>
      <c r="B131" s="114">
        <v>86</v>
      </c>
      <c r="C131" s="115">
        <v>4.0924018536066056</v>
      </c>
      <c r="D131" s="116">
        <v>0.2772412120726388</v>
      </c>
    </row>
    <row r="132" spans="1:4">
      <c r="A132" s="40" t="s">
        <v>538</v>
      </c>
      <c r="B132" s="78">
        <v>84</v>
      </c>
      <c r="C132" s="79">
        <v>4.5472490692603094</v>
      </c>
      <c r="D132" s="80">
        <v>0.2798916289611334</v>
      </c>
    </row>
    <row r="133" spans="1:4">
      <c r="A133" s="44" t="s">
        <v>539</v>
      </c>
      <c r="B133" s="114">
        <v>89</v>
      </c>
      <c r="C133" s="115">
        <v>4.2745908114843365</v>
      </c>
      <c r="D133" s="116">
        <v>0.27824410155512397</v>
      </c>
    </row>
    <row r="134" spans="1:4">
      <c r="A134" s="40" t="s">
        <v>540</v>
      </c>
      <c r="B134" s="111">
        <v>109</v>
      </c>
      <c r="C134" s="112">
        <v>4.1470319546267316</v>
      </c>
      <c r="D134" s="113">
        <v>0.23324682480591546</v>
      </c>
    </row>
    <row r="135" spans="1:4">
      <c r="A135" s="44" t="s">
        <v>541</v>
      </c>
      <c r="B135" s="114">
        <v>104</v>
      </c>
      <c r="C135" s="115">
        <v>4.2328140785336181</v>
      </c>
      <c r="D135" s="116">
        <v>0.2568050619954072</v>
      </c>
    </row>
    <row r="136" spans="1:4">
      <c r="A136" s="40" t="s">
        <v>542</v>
      </c>
      <c r="B136" s="78">
        <v>165</v>
      </c>
      <c r="C136" s="79">
        <v>3.7868949611865665</v>
      </c>
      <c r="D136" s="80">
        <v>0.21467535974083626</v>
      </c>
    </row>
    <row r="137" spans="1:4">
      <c r="A137" s="44" t="s">
        <v>547</v>
      </c>
      <c r="B137" s="114">
        <v>69</v>
      </c>
      <c r="C137" s="115">
        <v>3.4986792294399844</v>
      </c>
      <c r="D137" s="116">
        <v>0.30927334754334251</v>
      </c>
    </row>
    <row r="138" spans="1:4">
      <c r="A138" s="52" t="s">
        <v>548</v>
      </c>
      <c r="B138" s="111">
        <v>109</v>
      </c>
      <c r="C138" s="112">
        <v>4.3713527047777507</v>
      </c>
      <c r="D138" s="113">
        <v>0.28103067036953794</v>
      </c>
    </row>
    <row r="139" spans="1:4">
      <c r="A139" s="44" t="s">
        <v>549</v>
      </c>
      <c r="B139" s="114">
        <v>89</v>
      </c>
      <c r="C139" s="115">
        <v>4.3001288455906499</v>
      </c>
      <c r="D139" s="116">
        <v>0.30751015810535459</v>
      </c>
    </row>
    <row r="140" spans="1:4">
      <c r="A140" s="52" t="s">
        <v>550</v>
      </c>
      <c r="B140" s="111">
        <v>114</v>
      </c>
      <c r="C140" s="112">
        <v>4.1649821133645633</v>
      </c>
      <c r="D140" s="113">
        <v>0.2749636729968471</v>
      </c>
    </row>
    <row r="141" spans="1:4">
      <c r="A141" s="44" t="s">
        <v>551</v>
      </c>
      <c r="B141" s="114">
        <v>111</v>
      </c>
      <c r="C141" s="115">
        <v>4.1631277771111419</v>
      </c>
      <c r="D141" s="116">
        <v>0.27388378264663804</v>
      </c>
    </row>
    <row r="142" spans="1:4">
      <c r="A142" s="52" t="s">
        <v>543</v>
      </c>
      <c r="B142" s="111">
        <v>149</v>
      </c>
      <c r="C142" s="112">
        <v>4.7609356905108555</v>
      </c>
      <c r="D142" s="113">
        <v>0.1823591226800424</v>
      </c>
    </row>
    <row r="143" spans="1:4">
      <c r="A143" s="44" t="s">
        <v>544</v>
      </c>
      <c r="B143" s="114">
        <v>46</v>
      </c>
      <c r="C143" s="115">
        <v>4.9423934093834578</v>
      </c>
      <c r="D143" s="116">
        <v>0.32854810708095694</v>
      </c>
    </row>
    <row r="144" spans="1:4">
      <c r="A144" s="52" t="s">
        <v>552</v>
      </c>
      <c r="B144" s="111">
        <v>103</v>
      </c>
      <c r="C144" s="112">
        <v>4.6793386965453552</v>
      </c>
      <c r="D144" s="113">
        <v>0.2179377139234214</v>
      </c>
    </row>
    <row r="145" spans="1:28">
      <c r="A145" s="44" t="s">
        <v>545</v>
      </c>
      <c r="B145" s="114">
        <v>178</v>
      </c>
      <c r="C145" s="115">
        <v>4.0978345731106085</v>
      </c>
      <c r="D145" s="116">
        <v>0.19684278124318966</v>
      </c>
    </row>
    <row r="148" spans="1:28" ht="18.75">
      <c r="A148" s="337" t="s">
        <v>501</v>
      </c>
      <c r="B148" s="337"/>
      <c r="C148" s="337"/>
      <c r="D148" s="337"/>
      <c r="E148" s="337"/>
      <c r="F148" s="337"/>
      <c r="G148" s="337"/>
      <c r="H148" s="337"/>
      <c r="I148" s="337"/>
      <c r="J148" s="337"/>
      <c r="K148" s="337"/>
      <c r="L148" s="337"/>
      <c r="M148" s="337"/>
      <c r="N148" s="337"/>
      <c r="O148" s="337"/>
      <c r="P148" s="337"/>
      <c r="Q148" s="337"/>
      <c r="R148" s="337"/>
      <c r="S148" s="337"/>
      <c r="T148" s="337"/>
      <c r="U148" s="337"/>
      <c r="V148" s="337"/>
      <c r="W148" s="337"/>
      <c r="X148" s="337"/>
      <c r="Y148" s="337"/>
      <c r="Z148" s="337"/>
      <c r="AA148" s="337"/>
      <c r="AB148" s="337"/>
    </row>
    <row r="149" spans="1:28" ht="72.75" customHeight="1">
      <c r="A149" s="391" t="s">
        <v>603</v>
      </c>
      <c r="B149" s="391"/>
      <c r="C149" s="391"/>
      <c r="D149" s="391"/>
      <c r="E149" s="391"/>
      <c r="F149" s="391"/>
      <c r="G149" s="391"/>
      <c r="H149" s="391"/>
      <c r="I149" s="391"/>
      <c r="J149" s="391"/>
      <c r="K149" s="391"/>
      <c r="L149" s="391"/>
      <c r="M149" s="391"/>
      <c r="N149" s="391"/>
      <c r="O149" s="391"/>
      <c r="P149" s="391"/>
      <c r="Q149" s="391"/>
      <c r="R149" s="391"/>
      <c r="S149" s="391"/>
      <c r="T149" s="391"/>
      <c r="U149" s="391"/>
      <c r="V149" s="391"/>
      <c r="W149" s="391"/>
      <c r="X149" s="391"/>
      <c r="Y149" s="391"/>
      <c r="Z149" s="391"/>
      <c r="AA149" s="391"/>
      <c r="AB149" s="391"/>
    </row>
    <row r="150" spans="1:28" ht="40.5" customHeight="1">
      <c r="A150" s="291"/>
      <c r="B150" s="398" t="s">
        <v>385</v>
      </c>
      <c r="C150" s="399"/>
      <c r="D150" s="399"/>
      <c r="E150" s="399"/>
      <c r="F150" s="399"/>
      <c r="G150" s="399"/>
      <c r="H150" s="399"/>
      <c r="I150" s="399"/>
      <c r="J150" s="403"/>
      <c r="K150" s="366" t="s">
        <v>386</v>
      </c>
      <c r="L150" s="367"/>
      <c r="M150" s="367"/>
      <c r="N150" s="367"/>
      <c r="O150" s="367"/>
      <c r="P150" s="367"/>
      <c r="Q150" s="367"/>
      <c r="R150" s="367"/>
      <c r="S150" s="368"/>
      <c r="T150" s="398" t="s">
        <v>121</v>
      </c>
      <c r="U150" s="399"/>
      <c r="V150" s="399"/>
      <c r="W150" s="399"/>
      <c r="X150" s="399"/>
      <c r="Y150" s="399"/>
      <c r="Z150" s="399"/>
      <c r="AA150" s="399"/>
      <c r="AB150" s="399"/>
    </row>
    <row r="151" spans="1:28" ht="72">
      <c r="A151" s="32" t="s">
        <v>71</v>
      </c>
      <c r="B151" s="33" t="s">
        <v>72</v>
      </c>
      <c r="C151" s="33" t="s">
        <v>156</v>
      </c>
      <c r="D151" s="84" t="s">
        <v>85</v>
      </c>
      <c r="E151" s="33" t="s">
        <v>157</v>
      </c>
      <c r="F151" s="84" t="s">
        <v>86</v>
      </c>
      <c r="G151" s="33" t="s">
        <v>158</v>
      </c>
      <c r="H151" s="84" t="s">
        <v>87</v>
      </c>
      <c r="I151" s="33" t="s">
        <v>301</v>
      </c>
      <c r="J151" s="84" t="s">
        <v>300</v>
      </c>
      <c r="K151" s="60" t="s">
        <v>72</v>
      </c>
      <c r="L151" s="60" t="s">
        <v>156</v>
      </c>
      <c r="M151" s="83" t="s">
        <v>85</v>
      </c>
      <c r="N151" s="60" t="s">
        <v>157</v>
      </c>
      <c r="O151" s="83" t="s">
        <v>86</v>
      </c>
      <c r="P151" s="60" t="s">
        <v>158</v>
      </c>
      <c r="Q151" s="83" t="s">
        <v>87</v>
      </c>
      <c r="R151" s="60" t="s">
        <v>301</v>
      </c>
      <c r="S151" s="83" t="s">
        <v>300</v>
      </c>
      <c r="T151" s="33" t="s">
        <v>72</v>
      </c>
      <c r="U151" s="33" t="s">
        <v>156</v>
      </c>
      <c r="V151" s="84" t="s">
        <v>85</v>
      </c>
      <c r="W151" s="33" t="s">
        <v>157</v>
      </c>
      <c r="X151" s="84" t="s">
        <v>86</v>
      </c>
      <c r="Y151" s="33" t="s">
        <v>158</v>
      </c>
      <c r="Z151" s="84" t="s">
        <v>87</v>
      </c>
      <c r="AA151" s="33" t="s">
        <v>301</v>
      </c>
      <c r="AB151" s="84" t="s">
        <v>300</v>
      </c>
    </row>
    <row r="152" spans="1:28" ht="72">
      <c r="A152" s="36"/>
      <c r="B152" s="37" t="s">
        <v>74</v>
      </c>
      <c r="C152" s="37" t="s">
        <v>159</v>
      </c>
      <c r="D152" s="86" t="s">
        <v>88</v>
      </c>
      <c r="E152" s="37" t="s">
        <v>160</v>
      </c>
      <c r="F152" s="86" t="s">
        <v>88</v>
      </c>
      <c r="G152" s="37" t="s">
        <v>161</v>
      </c>
      <c r="H152" s="86" t="s">
        <v>88</v>
      </c>
      <c r="I152" s="37" t="s">
        <v>301</v>
      </c>
      <c r="J152" s="86" t="s">
        <v>88</v>
      </c>
      <c r="K152" s="63" t="s">
        <v>74</v>
      </c>
      <c r="L152" s="63" t="s">
        <v>159</v>
      </c>
      <c r="M152" s="85" t="s">
        <v>88</v>
      </c>
      <c r="N152" s="63" t="s">
        <v>160</v>
      </c>
      <c r="O152" s="85" t="s">
        <v>88</v>
      </c>
      <c r="P152" s="63" t="s">
        <v>161</v>
      </c>
      <c r="Q152" s="85" t="s">
        <v>88</v>
      </c>
      <c r="R152" s="63" t="s">
        <v>301</v>
      </c>
      <c r="S152" s="85" t="s">
        <v>88</v>
      </c>
      <c r="T152" s="37" t="s">
        <v>74</v>
      </c>
      <c r="U152" s="37" t="s">
        <v>159</v>
      </c>
      <c r="V152" s="86" t="s">
        <v>88</v>
      </c>
      <c r="W152" s="37" t="s">
        <v>160</v>
      </c>
      <c r="X152" s="86" t="s">
        <v>88</v>
      </c>
      <c r="Y152" s="37" t="s">
        <v>161</v>
      </c>
      <c r="Z152" s="86" t="s">
        <v>88</v>
      </c>
      <c r="AA152" s="37" t="s">
        <v>301</v>
      </c>
      <c r="AB152" s="86" t="s">
        <v>88</v>
      </c>
    </row>
    <row r="153" spans="1:28">
      <c r="A153" s="40" t="s">
        <v>350</v>
      </c>
      <c r="B153" s="157">
        <v>13916</v>
      </c>
      <c r="C153" s="160">
        <v>0.24721018413503079</v>
      </c>
      <c r="D153" s="89">
        <v>7.3134663503884997E-3</v>
      </c>
      <c r="E153" s="160">
        <v>0.22996751196457071</v>
      </c>
      <c r="F153" s="89">
        <v>7.1342696510420254E-3</v>
      </c>
      <c r="G153" s="160">
        <v>0.35734181830937645</v>
      </c>
      <c r="H153" s="89">
        <v>8.1236906583958182E-3</v>
      </c>
      <c r="I153" s="160">
        <v>0.16548048559104037</v>
      </c>
      <c r="J153" s="89">
        <v>6.3009075583273259E-3</v>
      </c>
      <c r="K153" s="119">
        <v>13906</v>
      </c>
      <c r="L153" s="118">
        <v>0.28691101869081054</v>
      </c>
      <c r="M153" s="89">
        <v>7.6707816144096089E-3</v>
      </c>
      <c r="N153" s="118">
        <v>0.20739565521860365</v>
      </c>
      <c r="O153" s="118">
        <v>6.8763743112210335E-3</v>
      </c>
      <c r="P153" s="118">
        <v>0.38105482308155841</v>
      </c>
      <c r="Q153" s="89">
        <v>8.2355715377953418E-3</v>
      </c>
      <c r="R153" s="118">
        <v>0.12463850300904504</v>
      </c>
      <c r="S153" s="89">
        <v>5.6033462323828937E-3</v>
      </c>
      <c r="T153" s="119">
        <v>13917</v>
      </c>
      <c r="U153" s="118">
        <v>0.21139065422020736</v>
      </c>
      <c r="V153" s="89">
        <v>6.9219899392000787E-3</v>
      </c>
      <c r="W153" s="118">
        <v>0.20220173619447673</v>
      </c>
      <c r="X153" s="118">
        <v>6.8092980540401995E-3</v>
      </c>
      <c r="Y153" s="118">
        <v>0.51742917611998085</v>
      </c>
      <c r="Z153" s="89">
        <v>8.4703414568206813E-3</v>
      </c>
      <c r="AA153" s="118">
        <v>6.8978433465351083E-2</v>
      </c>
      <c r="AB153" s="89">
        <v>4.2992426218196574E-3</v>
      </c>
    </row>
    <row r="154" spans="1:28">
      <c r="A154" s="44" t="s">
        <v>351</v>
      </c>
      <c r="B154" s="44">
        <v>10183</v>
      </c>
      <c r="C154" s="159">
        <v>0.27559647530717357</v>
      </c>
      <c r="D154" s="92">
        <v>8.8547631711577007E-3</v>
      </c>
      <c r="E154" s="159">
        <v>0.22433185166138178</v>
      </c>
      <c r="F154" s="92">
        <v>8.2673198233641793E-3</v>
      </c>
      <c r="G154" s="159">
        <v>0.33736109628042987</v>
      </c>
      <c r="H154" s="92">
        <v>9.3694258840044328E-3</v>
      </c>
      <c r="I154" s="159">
        <v>0.16271057675101472</v>
      </c>
      <c r="J154" s="92">
        <v>7.3163565765839728E-3</v>
      </c>
      <c r="K154" s="44">
        <v>10184</v>
      </c>
      <c r="L154" s="121">
        <v>0.29351436557063271</v>
      </c>
      <c r="M154" s="92">
        <v>9.0237473170164326E-3</v>
      </c>
      <c r="N154" s="121">
        <v>0.20480254938895326</v>
      </c>
      <c r="O154" s="121">
        <v>7.9980091389078491E-3</v>
      </c>
      <c r="P154" s="121">
        <v>0.39238496392138006</v>
      </c>
      <c r="Q154" s="92">
        <v>9.675295609665107E-3</v>
      </c>
      <c r="R154" s="121">
        <v>0.10929812111903336</v>
      </c>
      <c r="S154" s="92">
        <v>6.1862177962088306E-3</v>
      </c>
      <c r="T154" s="44">
        <v>10198</v>
      </c>
      <c r="U154" s="121">
        <v>0.19149971417243938</v>
      </c>
      <c r="V154" s="92">
        <v>7.7932052455123111E-3</v>
      </c>
      <c r="W154" s="121">
        <v>0.18567288530772813</v>
      </c>
      <c r="X154" s="121">
        <v>7.7014454935054938E-3</v>
      </c>
      <c r="Y154" s="121">
        <v>0.57126389116641652</v>
      </c>
      <c r="Z154" s="92">
        <v>9.7995082758462974E-3</v>
      </c>
      <c r="AA154" s="121">
        <v>5.1563509353409941E-2</v>
      </c>
      <c r="AB154" s="92">
        <v>4.385929178221234E-3</v>
      </c>
    </row>
    <row r="155" spans="1:28">
      <c r="A155" s="40" t="s">
        <v>352</v>
      </c>
      <c r="B155" s="48">
        <v>3733</v>
      </c>
      <c r="C155" s="160">
        <v>0.22436427846585125</v>
      </c>
      <c r="D155" s="89">
        <v>1.3654536010558547E-2</v>
      </c>
      <c r="E155" s="160">
        <v>0.23450321417692144</v>
      </c>
      <c r="F155" s="89">
        <v>1.3867459099300268E-2</v>
      </c>
      <c r="G155" s="160">
        <v>0.37342273877576271</v>
      </c>
      <c r="H155" s="89">
        <v>1.5826611940870993E-2</v>
      </c>
      <c r="I155" s="160">
        <v>0.16770976858146525</v>
      </c>
      <c r="J155" s="89">
        <v>1.2233542717730169E-2</v>
      </c>
      <c r="K155" s="48">
        <v>3722</v>
      </c>
      <c r="L155" s="118">
        <v>0.28157369485150868</v>
      </c>
      <c r="M155" s="89">
        <v>1.474027536895622E-2</v>
      </c>
      <c r="N155" s="118">
        <v>0.20949159926246991</v>
      </c>
      <c r="O155" s="118">
        <v>1.3340818127827088E-2</v>
      </c>
      <c r="P155" s="118">
        <v>0.37189694724866146</v>
      </c>
      <c r="Q155" s="89">
        <v>1.583682301739725E-2</v>
      </c>
      <c r="R155" s="118">
        <v>0.13703775863736017</v>
      </c>
      <c r="S155" s="89">
        <v>1.1280882632758426E-2</v>
      </c>
      <c r="T155" s="48">
        <v>3719</v>
      </c>
      <c r="U155" s="118">
        <v>0.22746135889376895</v>
      </c>
      <c r="V155" s="89">
        <v>1.3746572773353843E-2</v>
      </c>
      <c r="W155" s="118">
        <v>0.21555607141223795</v>
      </c>
      <c r="X155" s="118">
        <v>1.3485516721737577E-2</v>
      </c>
      <c r="Y155" s="118">
        <v>0.47393390618202474</v>
      </c>
      <c r="Z155" s="89">
        <v>1.6366800707834434E-2</v>
      </c>
      <c r="AA155" s="118">
        <v>8.3048663511969767E-2</v>
      </c>
      <c r="AB155" s="89">
        <v>9.0674464806340636E-3</v>
      </c>
    </row>
    <row r="156" spans="1:28">
      <c r="A156" s="44" t="s">
        <v>534</v>
      </c>
      <c r="B156" s="44">
        <v>1881</v>
      </c>
      <c r="C156" s="159">
        <v>0.289752989990744</v>
      </c>
      <c r="D156" s="92">
        <v>2.0906947969575061E-2</v>
      </c>
      <c r="E156" s="159">
        <v>0.23282160951763489</v>
      </c>
      <c r="F156" s="92">
        <v>1.9485060232425647E-2</v>
      </c>
      <c r="G156" s="159">
        <v>0.3350485199805322</v>
      </c>
      <c r="H156" s="92">
        <v>2.1748812585848924E-2</v>
      </c>
      <c r="I156" s="159">
        <v>0.14237688051109082</v>
      </c>
      <c r="J156" s="92">
        <v>1.6132601452876868E-2</v>
      </c>
      <c r="K156" s="44">
        <v>1881</v>
      </c>
      <c r="L156" s="121">
        <v>0.30946033706445425</v>
      </c>
      <c r="M156" s="92">
        <v>2.1302348134423908E-2</v>
      </c>
      <c r="N156" s="121">
        <v>0.21059359861765847</v>
      </c>
      <c r="O156" s="121">
        <v>1.880228109057222E-2</v>
      </c>
      <c r="P156" s="121">
        <v>0.35759694187564245</v>
      </c>
      <c r="Q156" s="92">
        <v>2.2082908204203246E-2</v>
      </c>
      <c r="R156" s="121">
        <v>0.12234912244224624</v>
      </c>
      <c r="S156" s="92">
        <v>1.5137527423492685E-2</v>
      </c>
      <c r="T156" s="44">
        <v>1881</v>
      </c>
      <c r="U156" s="121">
        <v>0.23452179166043227</v>
      </c>
      <c r="V156" s="92">
        <v>1.9534102251004166E-2</v>
      </c>
      <c r="W156" s="121">
        <v>0.19401992935731005</v>
      </c>
      <c r="X156" s="121">
        <v>1.823938183539495E-2</v>
      </c>
      <c r="Y156" s="121">
        <v>0.5032785977237747</v>
      </c>
      <c r="Z156" s="92">
        <v>2.303217891350047E-2</v>
      </c>
      <c r="AA156" s="121">
        <v>6.8179681258485808E-2</v>
      </c>
      <c r="AB156" s="92">
        <v>1.1682969730044308E-2</v>
      </c>
    </row>
    <row r="157" spans="1:28">
      <c r="A157" s="40" t="s">
        <v>535</v>
      </c>
      <c r="B157" s="48">
        <v>1531</v>
      </c>
      <c r="C157" s="160">
        <v>0.307428134379509</v>
      </c>
      <c r="D157" s="89">
        <v>2.3565507616496072E-2</v>
      </c>
      <c r="E157" s="160">
        <v>0.23336582301105901</v>
      </c>
      <c r="F157" s="89">
        <v>2.161410169727046E-2</v>
      </c>
      <c r="G157" s="160">
        <v>0.31933417603048608</v>
      </c>
      <c r="H157" s="89">
        <v>2.3808670026448677E-2</v>
      </c>
      <c r="I157" s="160">
        <v>0.13987186657894513</v>
      </c>
      <c r="J157" s="89">
        <v>1.7755690374101962E-2</v>
      </c>
      <c r="K157" s="48">
        <v>1533</v>
      </c>
      <c r="L157" s="118">
        <v>0.32536375426042258</v>
      </c>
      <c r="M157" s="89">
        <v>2.3909431941851324E-2</v>
      </c>
      <c r="N157" s="118">
        <v>0.20206205367874069</v>
      </c>
      <c r="O157" s="118">
        <v>2.051353751813265E-2</v>
      </c>
      <c r="P157" s="118">
        <v>0.36142176729371661</v>
      </c>
      <c r="Q157" s="89">
        <v>2.4513265630694798E-2</v>
      </c>
      <c r="R157" s="118">
        <v>0.11115242476711951</v>
      </c>
      <c r="S157" s="89">
        <v>1.609855297519398E-2</v>
      </c>
      <c r="T157" s="48">
        <v>1534</v>
      </c>
      <c r="U157" s="118">
        <v>0.22960239339048272</v>
      </c>
      <c r="V157" s="89">
        <v>2.1471543522213567E-2</v>
      </c>
      <c r="W157" s="118">
        <v>0.18685589548391734</v>
      </c>
      <c r="X157" s="118">
        <v>1.9912041141698089E-2</v>
      </c>
      <c r="Y157" s="118">
        <v>0.52503668480172194</v>
      </c>
      <c r="Z157" s="89">
        <v>2.546710163707196E-2</v>
      </c>
      <c r="AA157" s="118">
        <v>5.8505026323877128E-2</v>
      </c>
      <c r="AB157" s="89">
        <v>1.2078497758759885E-2</v>
      </c>
    </row>
    <row r="158" spans="1:28">
      <c r="A158" s="44" t="s">
        <v>546</v>
      </c>
      <c r="B158" s="44">
        <v>354</v>
      </c>
      <c r="C158" s="159">
        <v>0.23594721426978876</v>
      </c>
      <c r="D158" s="92">
        <v>4.5072938703950578E-2</v>
      </c>
      <c r="E158" s="159">
        <v>0.23412723865797416</v>
      </c>
      <c r="F158" s="92">
        <v>4.495590358653237E-2</v>
      </c>
      <c r="G158" s="159">
        <v>0.38088717467325606</v>
      </c>
      <c r="H158" s="92">
        <v>5.1364336789242779E-2</v>
      </c>
      <c r="I158" s="159">
        <v>0.14903837239898046</v>
      </c>
      <c r="J158" s="92">
        <v>3.8047757691195637E-2</v>
      </c>
      <c r="K158" s="44">
        <v>352</v>
      </c>
      <c r="L158" s="121">
        <v>0.26068831446584739</v>
      </c>
      <c r="M158" s="92">
        <v>4.6689225372320363E-2</v>
      </c>
      <c r="N158" s="121">
        <v>0.23802289992605494</v>
      </c>
      <c r="O158" s="121">
        <v>4.5332929052997427E-2</v>
      </c>
      <c r="P158" s="121">
        <v>0.34459686617010382</v>
      </c>
      <c r="Q158" s="92">
        <v>5.0435130965708286E-2</v>
      </c>
      <c r="R158" s="121">
        <v>0.15669191943799343</v>
      </c>
      <c r="S158" s="92">
        <v>3.891408449329456E-2</v>
      </c>
      <c r="T158" s="44">
        <v>351</v>
      </c>
      <c r="U158" s="121">
        <v>0.25227247199548741</v>
      </c>
      <c r="V158" s="92">
        <v>4.6270027081770367E-2</v>
      </c>
      <c r="W158" s="121">
        <v>0.21734888432270888</v>
      </c>
      <c r="X158" s="121">
        <v>4.4010060198220673E-2</v>
      </c>
      <c r="Y158" s="121">
        <v>0.43204382284966431</v>
      </c>
      <c r="Z158" s="92">
        <v>5.2593090130169488E-2</v>
      </c>
      <c r="AA158" s="121">
        <v>9.8334820832138681E-2</v>
      </c>
      <c r="AB158" s="92">
        <v>3.2245592314592827E-2</v>
      </c>
    </row>
    <row r="159" spans="1:28">
      <c r="A159" s="40" t="s">
        <v>536</v>
      </c>
      <c r="B159" s="48">
        <v>295</v>
      </c>
      <c r="C159" s="160">
        <v>0.27820364438746692</v>
      </c>
      <c r="D159" s="89">
        <v>5.1998686612573494E-2</v>
      </c>
      <c r="E159" s="160">
        <v>0.23848128384045475</v>
      </c>
      <c r="F159" s="89">
        <v>4.9536393618010793E-2</v>
      </c>
      <c r="G159" s="160">
        <v>0.3092744064858538</v>
      </c>
      <c r="H159" s="89">
        <v>5.3579624166633012E-2</v>
      </c>
      <c r="I159" s="160">
        <v>0.17404066528622308</v>
      </c>
      <c r="J159" s="89">
        <v>4.4281600007933339E-2</v>
      </c>
      <c r="K159" s="48">
        <v>295</v>
      </c>
      <c r="L159" s="118">
        <v>0.3456037671428413</v>
      </c>
      <c r="M159" s="89">
        <v>5.5082224735662967E-2</v>
      </c>
      <c r="N159" s="118">
        <v>0.16703811029822774</v>
      </c>
      <c r="O159" s="118">
        <v>4.3597856651097167E-2</v>
      </c>
      <c r="P159" s="118">
        <v>0.3852622170992277</v>
      </c>
      <c r="Q159" s="89">
        <v>5.6329788532803571E-2</v>
      </c>
      <c r="R159" s="118">
        <v>0.10209590545970151</v>
      </c>
      <c r="S159" s="89">
        <v>3.5814495601421074E-2</v>
      </c>
      <c r="T159" s="48">
        <v>296</v>
      </c>
      <c r="U159" s="118">
        <v>0.20137455090828443</v>
      </c>
      <c r="V159" s="89">
        <v>4.6645477809658283E-2</v>
      </c>
      <c r="W159" s="118">
        <v>0.16893284030009878</v>
      </c>
      <c r="X159" s="118">
        <v>4.3710847277975945E-2</v>
      </c>
      <c r="Y159" s="118">
        <v>0.59310776227798756</v>
      </c>
      <c r="Z159" s="89">
        <v>5.6752160399260336E-2</v>
      </c>
      <c r="AA159" s="118">
        <v>3.6584846513626326E-2</v>
      </c>
      <c r="AB159" s="89">
        <v>2.336235715469967E-2</v>
      </c>
    </row>
    <row r="160" spans="1:28">
      <c r="A160" s="44" t="s">
        <v>537</v>
      </c>
      <c r="B160" s="44">
        <v>88</v>
      </c>
      <c r="C160" s="159">
        <v>0.33713303525168037</v>
      </c>
      <c r="D160" s="92">
        <v>9.9067563001060149E-2</v>
      </c>
      <c r="E160" s="159">
        <v>0.26516742907895646</v>
      </c>
      <c r="F160" s="92">
        <v>9.3144289854868847E-2</v>
      </c>
      <c r="G160" s="159">
        <v>0.22760509640035478</v>
      </c>
      <c r="H160" s="92">
        <v>8.8982860901398661E-2</v>
      </c>
      <c r="I160" s="159">
        <v>0.17009443926900833</v>
      </c>
      <c r="J160" s="92">
        <v>8.087046128505565E-2</v>
      </c>
      <c r="K160" s="44">
        <v>87</v>
      </c>
      <c r="L160" s="121">
        <v>0.45672258572957219</v>
      </c>
      <c r="M160" s="92">
        <v>0.1044689554273419</v>
      </c>
      <c r="N160" s="121">
        <v>0.11313335937419908</v>
      </c>
      <c r="O160" s="121">
        <v>7.0540288786743635E-2</v>
      </c>
      <c r="P160" s="121">
        <v>0.38864050245880649</v>
      </c>
      <c r="Q160" s="92">
        <v>0.10242451937753937</v>
      </c>
      <c r="R160" s="121">
        <v>4.1503552437422327E-2</v>
      </c>
      <c r="S160" s="92">
        <v>5.0429202639882792E-2</v>
      </c>
      <c r="T160" s="44">
        <v>88</v>
      </c>
      <c r="U160" s="121">
        <v>0.29250274278141136</v>
      </c>
      <c r="V160" s="92">
        <v>9.5691401954105776E-2</v>
      </c>
      <c r="W160" s="121">
        <v>0.1039605623419721</v>
      </c>
      <c r="X160" s="121">
        <v>6.8045750693522963E-2</v>
      </c>
      <c r="Y160" s="121">
        <v>0.58213123673311717</v>
      </c>
      <c r="Z160" s="92">
        <v>0.10296227193343617</v>
      </c>
      <c r="AA160" s="121">
        <v>2.1405458143499367E-2</v>
      </c>
      <c r="AB160" s="92">
        <v>4.1927422664739054E-2</v>
      </c>
    </row>
    <row r="161" spans="1:28">
      <c r="A161" s="40" t="s">
        <v>538</v>
      </c>
      <c r="B161" s="48">
        <v>89</v>
      </c>
      <c r="C161" s="160">
        <v>0.28129049220007962</v>
      </c>
      <c r="D161" s="89">
        <v>9.4172662712380298E-2</v>
      </c>
      <c r="E161" s="160">
        <v>0.23660621044414973</v>
      </c>
      <c r="F161" s="89">
        <v>8.9554026095944414E-2</v>
      </c>
      <c r="G161" s="160">
        <v>0.31022969083489044</v>
      </c>
      <c r="H161" s="89">
        <v>9.661329224646148E-2</v>
      </c>
      <c r="I161" s="160">
        <v>0.17187360652088035</v>
      </c>
      <c r="J161" s="89">
        <v>8.0694716241054676E-2</v>
      </c>
      <c r="K161" s="48">
        <v>89</v>
      </c>
      <c r="L161" s="118">
        <v>0.286139810067847</v>
      </c>
      <c r="M161" s="89">
        <v>9.4610351064942755E-2</v>
      </c>
      <c r="N161" s="118">
        <v>0.25447090538265016</v>
      </c>
      <c r="O161" s="118">
        <v>9.1531699285718457E-2</v>
      </c>
      <c r="P161" s="118">
        <v>0.3804592711794052</v>
      </c>
      <c r="Q161" s="89">
        <v>0.10094453386971029</v>
      </c>
      <c r="R161" s="118">
        <v>7.8930013370097696E-2</v>
      </c>
      <c r="S161" s="89">
        <v>6.1390231439589528E-2</v>
      </c>
      <c r="T161" s="48">
        <v>89</v>
      </c>
      <c r="U161" s="118">
        <v>7.9072541541301972E-2</v>
      </c>
      <c r="V161" s="89">
        <v>6.142872049548135E-2</v>
      </c>
      <c r="W161" s="118">
        <v>0.20199871312012102</v>
      </c>
      <c r="X161" s="118">
        <v>8.5174096373535679E-2</v>
      </c>
      <c r="Y161" s="118">
        <v>0.66337824868734818</v>
      </c>
      <c r="Z161" s="89">
        <v>9.8494974216205802E-2</v>
      </c>
      <c r="AA161" s="118">
        <v>5.5550496651228888E-2</v>
      </c>
      <c r="AB161" s="89">
        <v>5.4513095012034926E-2</v>
      </c>
    </row>
    <row r="162" spans="1:28">
      <c r="A162" s="44" t="s">
        <v>539</v>
      </c>
      <c r="B162" s="44">
        <v>99</v>
      </c>
      <c r="C162" s="159">
        <v>0.23507891084438334</v>
      </c>
      <c r="D162" s="92">
        <v>8.4798353747741986E-2</v>
      </c>
      <c r="E162" s="159">
        <v>0.21805249666598589</v>
      </c>
      <c r="F162" s="92">
        <v>8.2805196012407531E-2</v>
      </c>
      <c r="G162" s="159">
        <v>0.36158710496159807</v>
      </c>
      <c r="H162" s="92">
        <v>9.4981037892371084E-2</v>
      </c>
      <c r="I162" s="159">
        <v>0.18528148752803333</v>
      </c>
      <c r="J162" s="92">
        <v>7.8454960729767986E-2</v>
      </c>
      <c r="K162" s="44">
        <v>100</v>
      </c>
      <c r="L162" s="121">
        <v>0.3093635311545912</v>
      </c>
      <c r="M162" s="92">
        <v>9.1230800870338968E-2</v>
      </c>
      <c r="N162" s="121">
        <v>0.14623000902676242</v>
      </c>
      <c r="O162" s="121">
        <v>7.1867620113201872E-2</v>
      </c>
      <c r="P162" s="121">
        <v>0.38960280240095535</v>
      </c>
      <c r="Q162" s="92">
        <v>9.5822739598307977E-2</v>
      </c>
      <c r="R162" s="121">
        <v>0.15480365741769164</v>
      </c>
      <c r="S162" s="92">
        <v>7.3335217054982874E-2</v>
      </c>
      <c r="T162" s="44">
        <v>100</v>
      </c>
      <c r="U162" s="121">
        <v>0.22918751237081147</v>
      </c>
      <c r="V162" s="92">
        <v>8.3710489848098438E-2</v>
      </c>
      <c r="W162" s="121">
        <v>0.18139874399745728</v>
      </c>
      <c r="X162" s="121">
        <v>7.7497219324041938E-2</v>
      </c>
      <c r="Y162" s="121">
        <v>0.5658458670044435</v>
      </c>
      <c r="Z162" s="92">
        <v>9.7268743849410047E-2</v>
      </c>
      <c r="AA162" s="121">
        <v>2.3567876627288178E-2</v>
      </c>
      <c r="AB162" s="92">
        <v>3.9290453704561516E-2</v>
      </c>
    </row>
    <row r="163" spans="1:28">
      <c r="A163" s="40" t="s">
        <v>540</v>
      </c>
      <c r="B163" s="157">
        <v>115</v>
      </c>
      <c r="C163" s="160">
        <v>0.41776958164064337</v>
      </c>
      <c r="D163" s="89">
        <v>9.0504672042531986E-2</v>
      </c>
      <c r="E163" s="160">
        <v>0.28261689461177164</v>
      </c>
      <c r="F163" s="89">
        <v>8.318613893559211E-2</v>
      </c>
      <c r="G163" s="160">
        <v>0.2227099810914942</v>
      </c>
      <c r="H163" s="89">
        <v>7.7392903416481917E-2</v>
      </c>
      <c r="I163" s="160">
        <v>7.690354265609084E-2</v>
      </c>
      <c r="J163" s="89">
        <v>5.2762813827871326E-2</v>
      </c>
      <c r="K163" s="119">
        <v>114</v>
      </c>
      <c r="L163" s="118">
        <v>0.33475955103106531</v>
      </c>
      <c r="M163" s="89">
        <v>8.7239270591530194E-2</v>
      </c>
      <c r="N163" s="118">
        <v>0.29123059347538449</v>
      </c>
      <c r="O163" s="118">
        <v>8.4235373326515234E-2</v>
      </c>
      <c r="P163" s="118">
        <v>0.32361849129950621</v>
      </c>
      <c r="Q163" s="89">
        <v>8.6546352170148971E-2</v>
      </c>
      <c r="R163" s="118">
        <v>5.0391364194044115E-2</v>
      </c>
      <c r="S163" s="89">
        <v>4.5593908125267681E-2</v>
      </c>
      <c r="T163" s="119">
        <v>115</v>
      </c>
      <c r="U163" s="118">
        <v>0.20854420179143002</v>
      </c>
      <c r="V163" s="89">
        <v>7.5741317305700051E-2</v>
      </c>
      <c r="W163" s="118">
        <v>0.20983750602041326</v>
      </c>
      <c r="X163" s="118">
        <v>7.5897037335778281E-2</v>
      </c>
      <c r="Y163" s="118">
        <v>0.54919904948033993</v>
      </c>
      <c r="Z163" s="89">
        <v>9.1254458982701431E-2</v>
      </c>
      <c r="AA163" s="118">
        <v>3.2419242707817091E-2</v>
      </c>
      <c r="AB163" s="89">
        <v>3.9244608929043627E-2</v>
      </c>
    </row>
    <row r="164" spans="1:28">
      <c r="A164" s="44" t="s">
        <v>541</v>
      </c>
      <c r="B164" s="158">
        <v>111</v>
      </c>
      <c r="C164" s="159">
        <v>0.28724257254780128</v>
      </c>
      <c r="D164" s="92">
        <v>8.5022438592614852E-2</v>
      </c>
      <c r="E164" s="159">
        <v>0.27331903997346152</v>
      </c>
      <c r="F164" s="92">
        <v>8.3848337870528075E-2</v>
      </c>
      <c r="G164" s="159">
        <v>0.27283293570928513</v>
      </c>
      <c r="H164" s="92">
        <v>8.3805695798337895E-2</v>
      </c>
      <c r="I164" s="159">
        <v>0.16660545176945216</v>
      </c>
      <c r="J164" s="92">
        <v>7.1370657252343775E-2</v>
      </c>
      <c r="K164" s="122">
        <v>112</v>
      </c>
      <c r="L164" s="121">
        <v>0.35727089296109649</v>
      </c>
      <c r="M164" s="92">
        <v>8.9251507614296413E-2</v>
      </c>
      <c r="N164" s="121">
        <v>0.2207026920667737</v>
      </c>
      <c r="O164" s="121">
        <v>7.8186349213593256E-2</v>
      </c>
      <c r="P164" s="121">
        <v>0.32670392036050844</v>
      </c>
      <c r="Q164" s="92">
        <v>8.7494610583544769E-2</v>
      </c>
      <c r="R164" s="121">
        <v>9.53224946116214E-2</v>
      </c>
      <c r="S164" s="92">
        <v>5.7934401776318624E-2</v>
      </c>
      <c r="T164" s="122">
        <v>112</v>
      </c>
      <c r="U164" s="121">
        <v>0.18080098060235034</v>
      </c>
      <c r="V164" s="92">
        <v>7.311247701749575E-2</v>
      </c>
      <c r="W164" s="121">
        <v>0.26607417011305079</v>
      </c>
      <c r="X164" s="121">
        <v>8.2835008739221283E-2</v>
      </c>
      <c r="Y164" s="121">
        <v>0.51800825577981069</v>
      </c>
      <c r="Z164" s="92">
        <v>9.2791513145671536E-2</v>
      </c>
      <c r="AA164" s="121">
        <v>3.5116593504788136E-2</v>
      </c>
      <c r="AB164" s="92">
        <v>4.0908238138778245E-2</v>
      </c>
    </row>
    <row r="165" spans="1:28">
      <c r="A165" s="40" t="s">
        <v>542</v>
      </c>
      <c r="B165" s="78">
        <v>170</v>
      </c>
      <c r="C165" s="160">
        <v>0.4484640646613971</v>
      </c>
      <c r="D165" s="89">
        <v>7.5424432234488969E-2</v>
      </c>
      <c r="E165" s="160">
        <v>0.29114206752643712</v>
      </c>
      <c r="F165" s="89">
        <v>6.9209145584243931E-2</v>
      </c>
      <c r="G165" s="160">
        <v>0.1974435564187155</v>
      </c>
      <c r="H165" s="89">
        <v>6.1142376910014326E-2</v>
      </c>
      <c r="I165" s="160">
        <v>6.2950311393449795E-2</v>
      </c>
      <c r="J165" s="89">
        <v>3.9441155291618082E-2</v>
      </c>
      <c r="K165" s="78">
        <v>171</v>
      </c>
      <c r="L165" s="93">
        <v>0.48655286986188351</v>
      </c>
      <c r="M165" s="89">
        <v>7.5566787340756766E-2</v>
      </c>
      <c r="N165" s="93">
        <v>0.1386421203726225</v>
      </c>
      <c r="O165" s="93">
        <v>5.3520967544530604E-2</v>
      </c>
      <c r="P165" s="93">
        <v>0.34404380670574219</v>
      </c>
      <c r="Q165" s="89">
        <v>7.1996323196682352E-2</v>
      </c>
      <c r="R165" s="93">
        <v>3.0761203059751469E-2</v>
      </c>
      <c r="S165" s="89">
        <v>3.0148401791040506E-2</v>
      </c>
      <c r="T165" s="78">
        <v>171</v>
      </c>
      <c r="U165" s="93">
        <v>0.3007947304154755</v>
      </c>
      <c r="V165" s="89">
        <v>6.9629320006736717E-2</v>
      </c>
      <c r="W165" s="93">
        <v>0.19716181850846992</v>
      </c>
      <c r="X165" s="93">
        <v>6.0932491496815296E-2</v>
      </c>
      <c r="Y165" s="93">
        <v>0.48691737782857081</v>
      </c>
      <c r="Z165" s="89">
        <v>7.55681837519417E-2</v>
      </c>
      <c r="AA165" s="93">
        <v>1.5126073247483234E-2</v>
      </c>
      <c r="AB165" s="89">
        <v>2.4152846203244878E-2</v>
      </c>
    </row>
    <row r="166" spans="1:28">
      <c r="A166" s="44" t="s">
        <v>547</v>
      </c>
      <c r="B166" s="158">
        <v>71</v>
      </c>
      <c r="C166" s="159">
        <v>0.48738619967414903</v>
      </c>
      <c r="D166" s="92">
        <v>0.11543711961829978</v>
      </c>
      <c r="E166" s="159">
        <v>0.29178310866517354</v>
      </c>
      <c r="F166" s="92">
        <v>0.10611864133203958</v>
      </c>
      <c r="G166" s="159">
        <v>0.15196251550812084</v>
      </c>
      <c r="H166" s="92">
        <v>8.6854945612040865E-2</v>
      </c>
      <c r="I166" s="159">
        <v>6.8868176152556776E-2</v>
      </c>
      <c r="J166" s="92">
        <v>6.6702631486471819E-2</v>
      </c>
      <c r="K166" s="122">
        <v>72</v>
      </c>
      <c r="L166" s="121">
        <v>0.54762799167771159</v>
      </c>
      <c r="M166" s="92">
        <v>0.1142398382726199</v>
      </c>
      <c r="N166" s="121">
        <v>0.13579994206362653</v>
      </c>
      <c r="O166" s="121">
        <v>8.3019709661566049E-2</v>
      </c>
      <c r="P166" s="121">
        <v>0.26228235841075304</v>
      </c>
      <c r="Q166" s="92">
        <v>0.10241355107732114</v>
      </c>
      <c r="R166" s="121">
        <v>5.4289707847908868E-2</v>
      </c>
      <c r="S166" s="92">
        <v>6.143176374450561E-2</v>
      </c>
      <c r="T166" s="122">
        <v>72</v>
      </c>
      <c r="U166" s="121">
        <v>0.32629441377356833</v>
      </c>
      <c r="V166" s="92">
        <v>0.10831701948700422</v>
      </c>
      <c r="W166" s="121">
        <v>0.26637919428812751</v>
      </c>
      <c r="X166" s="121">
        <v>0.10285791322784005</v>
      </c>
      <c r="Y166" s="121">
        <v>0.38462770184010003</v>
      </c>
      <c r="Z166" s="92">
        <v>0.11193360209321968</v>
      </c>
      <c r="AA166" s="121">
        <v>2.2698690098204244E-2</v>
      </c>
      <c r="AB166" s="92">
        <v>4.8953832860874909E-2</v>
      </c>
    </row>
    <row r="167" spans="1:28">
      <c r="A167" s="52" t="s">
        <v>548</v>
      </c>
      <c r="B167" s="157">
        <v>123</v>
      </c>
      <c r="C167" s="160">
        <v>0.28770281859270641</v>
      </c>
      <c r="D167" s="89">
        <v>8.0885699102094422E-2</v>
      </c>
      <c r="E167" s="160">
        <v>0.18641399902639205</v>
      </c>
      <c r="F167" s="89">
        <v>7.0490000485354254E-2</v>
      </c>
      <c r="G167" s="160">
        <v>0.38110907639503977</v>
      </c>
      <c r="H167" s="89">
        <v>8.6350562416905419E-2</v>
      </c>
      <c r="I167" s="160">
        <v>0.14477410598586141</v>
      </c>
      <c r="J167" s="89">
        <v>6.4390070366472277E-2</v>
      </c>
      <c r="K167" s="119">
        <v>123</v>
      </c>
      <c r="L167" s="118">
        <v>0.30480336784693174</v>
      </c>
      <c r="M167" s="89">
        <v>8.2148432295509569E-2</v>
      </c>
      <c r="N167" s="118">
        <v>0.20583290138677782</v>
      </c>
      <c r="O167" s="118">
        <v>7.2921239855811809E-2</v>
      </c>
      <c r="P167" s="118">
        <v>0.34711398376319202</v>
      </c>
      <c r="Q167" s="89">
        <v>8.4755333884264775E-2</v>
      </c>
      <c r="R167" s="118">
        <v>0.14224974700309795</v>
      </c>
      <c r="S167" s="89">
        <v>6.3975846192396699E-2</v>
      </c>
      <c r="T167" s="119">
        <v>122</v>
      </c>
      <c r="U167" s="118">
        <v>0.21553015783094534</v>
      </c>
      <c r="V167" s="89">
        <v>7.4350804649989194E-2</v>
      </c>
      <c r="W167" s="118">
        <v>0.21936495522244914</v>
      </c>
      <c r="X167" s="118">
        <v>7.4783281223142789E-2</v>
      </c>
      <c r="Y167" s="118">
        <v>0.48663336846727318</v>
      </c>
      <c r="Z167" s="89">
        <v>8.9057230934713086E-2</v>
      </c>
      <c r="AA167" s="118">
        <v>7.8471518479332036E-2</v>
      </c>
      <c r="AB167" s="89">
        <v>5.1460057720904666E-2</v>
      </c>
    </row>
    <row r="168" spans="1:28">
      <c r="A168" s="44" t="s">
        <v>549</v>
      </c>
      <c r="B168" s="158">
        <v>100</v>
      </c>
      <c r="C168" s="159">
        <v>0.24431622468665903</v>
      </c>
      <c r="D168" s="92">
        <v>8.5385524743594385E-2</v>
      </c>
      <c r="E168" s="159">
        <v>0.19660082933284059</v>
      </c>
      <c r="F168" s="92">
        <v>7.9637067025805086E-2</v>
      </c>
      <c r="G168" s="159">
        <v>0.3871158070595338</v>
      </c>
      <c r="H168" s="92">
        <v>9.5719648165343493E-2</v>
      </c>
      <c r="I168" s="159">
        <v>0.17196713892096738</v>
      </c>
      <c r="J168" s="92">
        <v>7.608512763907585E-2</v>
      </c>
      <c r="K168" s="122">
        <v>101</v>
      </c>
      <c r="L168" s="121">
        <v>0.26813327686315303</v>
      </c>
      <c r="M168" s="92">
        <v>8.7342994678342847E-2</v>
      </c>
      <c r="N168" s="121">
        <v>0.15080051653848245</v>
      </c>
      <c r="O168" s="121">
        <v>7.2288691919058609E-2</v>
      </c>
      <c r="P168" s="121">
        <v>0.44184189921321182</v>
      </c>
      <c r="Q168" s="92">
        <v>9.6977254209304309E-2</v>
      </c>
      <c r="R168" s="121">
        <v>0.13922430738515368</v>
      </c>
      <c r="S168" s="92">
        <v>7.0256371459957598E-2</v>
      </c>
      <c r="T168" s="122">
        <v>100</v>
      </c>
      <c r="U168" s="121">
        <v>0.28293494729819418</v>
      </c>
      <c r="V168" s="92">
        <v>8.9106130691021718E-2</v>
      </c>
      <c r="W168" s="121">
        <v>0.11003457500810333</v>
      </c>
      <c r="X168" s="121">
        <v>6.4866707353449987E-2</v>
      </c>
      <c r="Y168" s="121">
        <v>0.52693638280732447</v>
      </c>
      <c r="Z168" s="92">
        <v>9.7926418792006795E-2</v>
      </c>
      <c r="AA168" s="121">
        <v>8.0094094886378767E-2</v>
      </c>
      <c r="AB168" s="92">
        <v>5.7839749603043861E-2</v>
      </c>
    </row>
    <row r="169" spans="1:28">
      <c r="A169" s="52" t="s">
        <v>550</v>
      </c>
      <c r="B169" s="157">
        <v>132</v>
      </c>
      <c r="C169" s="160">
        <v>0.24702856258094463</v>
      </c>
      <c r="D169" s="89">
        <v>7.4698310562389597E-2</v>
      </c>
      <c r="E169" s="160">
        <v>0.23128962250430746</v>
      </c>
      <c r="F169" s="89">
        <v>7.3159704508463583E-2</v>
      </c>
      <c r="G169" s="160">
        <v>0.32890713381868003</v>
      </c>
      <c r="H169" s="89">
        <v>8.0881873970504836E-2</v>
      </c>
      <c r="I169" s="160">
        <v>0.19277468109606793</v>
      </c>
      <c r="J169" s="89">
        <v>6.8831241458816708E-2</v>
      </c>
      <c r="K169" s="119">
        <v>132</v>
      </c>
      <c r="L169" s="118">
        <v>0.29458204432355151</v>
      </c>
      <c r="M169" s="89">
        <v>7.8637124614233986E-2</v>
      </c>
      <c r="N169" s="118">
        <v>0.2234374047393845</v>
      </c>
      <c r="O169" s="118">
        <v>7.2344395568329389E-2</v>
      </c>
      <c r="P169" s="118">
        <v>0.29162062556326895</v>
      </c>
      <c r="Q169" s="89">
        <v>7.8420943183959674E-2</v>
      </c>
      <c r="R169" s="118">
        <v>0.19035992537379506</v>
      </c>
      <c r="S169" s="89">
        <v>6.8530780489246892E-2</v>
      </c>
      <c r="T169" s="119">
        <v>132</v>
      </c>
      <c r="U169" s="118">
        <v>0.25994156543176183</v>
      </c>
      <c r="V169" s="89">
        <v>7.5869854152237806E-2</v>
      </c>
      <c r="W169" s="118">
        <v>0.17664329423174485</v>
      </c>
      <c r="X169" s="118">
        <v>6.6752517840351341E-2</v>
      </c>
      <c r="Y169" s="118">
        <v>0.45106768894159499</v>
      </c>
      <c r="Z169" s="89">
        <v>8.536158438838308E-2</v>
      </c>
      <c r="AA169" s="118">
        <v>0.11234745139489818</v>
      </c>
      <c r="AB169" s="89">
        <v>5.6473622863695096E-2</v>
      </c>
    </row>
    <row r="170" spans="1:28">
      <c r="A170" s="44" t="s">
        <v>551</v>
      </c>
      <c r="B170" s="158">
        <v>123</v>
      </c>
      <c r="C170" s="159">
        <v>0.29702631833256399</v>
      </c>
      <c r="D170" s="92">
        <v>8.1589713960477872E-2</v>
      </c>
      <c r="E170" s="159">
        <v>0.21939569552160468</v>
      </c>
      <c r="F170" s="92">
        <v>7.4483637301492822E-2</v>
      </c>
      <c r="G170" s="159">
        <v>0.36387826420769459</v>
      </c>
      <c r="H170" s="92">
        <v>8.559558477348983E-2</v>
      </c>
      <c r="I170" s="159">
        <v>0.11969972193813634</v>
      </c>
      <c r="J170" s="92">
        <v>6.001014904522025E-2</v>
      </c>
      <c r="K170" s="122">
        <v>124</v>
      </c>
      <c r="L170" s="121">
        <v>0.3126330862143728</v>
      </c>
      <c r="M170" s="92">
        <v>8.2358496751101101E-2</v>
      </c>
      <c r="N170" s="121">
        <v>0.21930409686999808</v>
      </c>
      <c r="O170" s="121">
        <v>7.4174046441924449E-2</v>
      </c>
      <c r="P170" s="121">
        <v>0.35812715940341616</v>
      </c>
      <c r="Q170" s="92">
        <v>8.4983534228156798E-2</v>
      </c>
      <c r="R170" s="121">
        <v>0.10993565751221279</v>
      </c>
      <c r="S170" s="92">
        <v>5.7882049112674173E-2</v>
      </c>
      <c r="T170" s="122">
        <v>124</v>
      </c>
      <c r="U170" s="121">
        <v>0.2583824514201909</v>
      </c>
      <c r="V170" s="92">
        <v>7.8105025331201478E-2</v>
      </c>
      <c r="W170" s="121">
        <v>0.145289830297161</v>
      </c>
      <c r="X170" s="121">
        <v>6.4207070197113289E-2</v>
      </c>
      <c r="Y170" s="121">
        <v>0.51234383041873266</v>
      </c>
      <c r="Z170" s="92">
        <v>8.8363065705141589E-2</v>
      </c>
      <c r="AA170" s="121">
        <v>8.3983887863915252E-2</v>
      </c>
      <c r="AB170" s="92">
        <v>5.2314678628204443E-2</v>
      </c>
    </row>
    <row r="171" spans="1:28">
      <c r="A171" s="52" t="s">
        <v>543</v>
      </c>
      <c r="B171" s="157">
        <v>168</v>
      </c>
      <c r="C171" s="160">
        <v>0.18032885562143858</v>
      </c>
      <c r="D171" s="89">
        <v>5.9554176717010139E-2</v>
      </c>
      <c r="E171" s="160">
        <v>0.24242156802467954</v>
      </c>
      <c r="F171" s="89">
        <v>6.5893388094276209E-2</v>
      </c>
      <c r="G171" s="160">
        <v>0.41475598592582985</v>
      </c>
      <c r="H171" s="89">
        <v>7.5184657448731665E-2</v>
      </c>
      <c r="I171" s="160">
        <v>0.16249359042805117</v>
      </c>
      <c r="J171" s="89">
        <v>5.7329318620749796E-2</v>
      </c>
      <c r="K171" s="119">
        <v>167</v>
      </c>
      <c r="L171" s="118">
        <v>0.18691426460576985</v>
      </c>
      <c r="M171" s="89">
        <v>6.0506544581277459E-2</v>
      </c>
      <c r="N171" s="118">
        <v>0.21532281098423328</v>
      </c>
      <c r="O171" s="118">
        <v>6.3560249230641866E-2</v>
      </c>
      <c r="P171" s="118">
        <v>0.47653287639822245</v>
      </c>
      <c r="Q171" s="89">
        <v>7.6391536347974076E-2</v>
      </c>
      <c r="R171" s="118">
        <v>0.12123004801177378</v>
      </c>
      <c r="S171" s="89">
        <v>5.1450700440863126E-2</v>
      </c>
      <c r="T171" s="119">
        <v>167</v>
      </c>
      <c r="U171" s="118">
        <v>0.11714123177828842</v>
      </c>
      <c r="V171" s="89">
        <v>5.077102386213931E-2</v>
      </c>
      <c r="W171" s="118">
        <v>0.1484445513139537</v>
      </c>
      <c r="X171" s="118">
        <v>5.5593172672191674E-2</v>
      </c>
      <c r="Y171" s="118">
        <v>0.69333608805605096</v>
      </c>
      <c r="Z171" s="89">
        <v>7.0809756160994122E-2</v>
      </c>
      <c r="AA171" s="118">
        <v>4.107812885170653E-2</v>
      </c>
      <c r="AB171" s="89">
        <v>3.3899935846484937E-2</v>
      </c>
    </row>
    <row r="172" spans="1:28">
      <c r="A172" s="44" t="s">
        <v>544</v>
      </c>
      <c r="B172" s="158">
        <v>49</v>
      </c>
      <c r="C172" s="159">
        <v>0.20556733006492919</v>
      </c>
      <c r="D172" s="92">
        <v>0.11521955689597518</v>
      </c>
      <c r="E172" s="159">
        <v>0.19111862811442903</v>
      </c>
      <c r="F172" s="92">
        <v>0.11275286736310164</v>
      </c>
      <c r="G172" s="159">
        <v>0.43011125710123854</v>
      </c>
      <c r="H172" s="92">
        <v>0.1362087785368469</v>
      </c>
      <c r="I172" s="159">
        <v>0.17320278471940309</v>
      </c>
      <c r="J172" s="92">
        <v>0.10944645781077489</v>
      </c>
      <c r="K172" s="122">
        <v>48</v>
      </c>
      <c r="L172" s="121">
        <v>0.15014307950804517</v>
      </c>
      <c r="M172" s="92">
        <v>0.10586879545420264</v>
      </c>
      <c r="N172" s="121">
        <v>0.23400701933145152</v>
      </c>
      <c r="O172" s="121">
        <v>0.12080309654040343</v>
      </c>
      <c r="P172" s="121">
        <v>0.56180892658206316</v>
      </c>
      <c r="Q172" s="92">
        <v>0.13776925975975454</v>
      </c>
      <c r="R172" s="121">
        <v>5.4040974578440135E-2</v>
      </c>
      <c r="S172" s="92">
        <v>7.8711051406475149E-2</v>
      </c>
      <c r="T172" s="122">
        <v>48</v>
      </c>
      <c r="U172" s="121">
        <v>0.10787863540429767</v>
      </c>
      <c r="V172" s="92">
        <v>9.5670216398198907E-2</v>
      </c>
      <c r="W172" s="121">
        <v>7.688893516482373E-2</v>
      </c>
      <c r="X172" s="121">
        <v>8.6584647402305828E-2</v>
      </c>
      <c r="Y172" s="121">
        <v>0.79943823243878942</v>
      </c>
      <c r="Z172" s="92">
        <v>0.11555902257457716</v>
      </c>
      <c r="AA172" s="121">
        <v>1.5794196992089272E-2</v>
      </c>
      <c r="AB172" s="92">
        <v>6.2158278768718316E-2</v>
      </c>
    </row>
    <row r="173" spans="1:28">
      <c r="A173" s="52" t="s">
        <v>552</v>
      </c>
      <c r="B173" s="157">
        <v>119</v>
      </c>
      <c r="C173" s="160">
        <v>0.16969767653514506</v>
      </c>
      <c r="D173" s="89">
        <v>6.9347928032983744E-2</v>
      </c>
      <c r="E173" s="160">
        <v>0.26403185762678771</v>
      </c>
      <c r="F173" s="89">
        <v>8.0219551437379147E-2</v>
      </c>
      <c r="G173" s="160">
        <v>0.40828789934833559</v>
      </c>
      <c r="H173" s="89">
        <v>8.8735847930708087E-2</v>
      </c>
      <c r="I173" s="160">
        <v>0.15798256648973072</v>
      </c>
      <c r="J173" s="89">
        <v>6.7597218155413752E-2</v>
      </c>
      <c r="K173" s="119">
        <v>119</v>
      </c>
      <c r="L173" s="118">
        <v>0.20199299159923542</v>
      </c>
      <c r="M173" s="89">
        <v>7.3666805033806779E-2</v>
      </c>
      <c r="N173" s="118">
        <v>0.20766099437408111</v>
      </c>
      <c r="O173" s="118">
        <v>7.4354902343590171E-2</v>
      </c>
      <c r="P173" s="118">
        <v>0.44156380275031415</v>
      </c>
      <c r="Q173" s="89">
        <v>8.9588707834887815E-2</v>
      </c>
      <c r="R173" s="118">
        <v>0.14878221127636851</v>
      </c>
      <c r="S173" s="89">
        <v>6.6145596843961818E-2</v>
      </c>
      <c r="T173" s="119">
        <v>119</v>
      </c>
      <c r="U173" s="118">
        <v>0.12093953639106832</v>
      </c>
      <c r="V173" s="89">
        <v>6.1288784906888487E-2</v>
      </c>
      <c r="W173" s="118">
        <v>0.17778729884559918</v>
      </c>
      <c r="X173" s="118">
        <v>7.0496903934886668E-2</v>
      </c>
      <c r="Y173" s="118">
        <v>0.64982687658199456</v>
      </c>
      <c r="Z173" s="89">
        <v>8.6294674802931029E-2</v>
      </c>
      <c r="AA173" s="118">
        <v>5.1446288181337278E-2</v>
      </c>
      <c r="AB173" s="89">
        <v>4.4784212790636754E-2</v>
      </c>
    </row>
    <row r="174" spans="1:28">
      <c r="A174" s="44" t="s">
        <v>545</v>
      </c>
      <c r="B174" s="158">
        <v>190</v>
      </c>
      <c r="C174" s="159">
        <v>0.39283072196599994</v>
      </c>
      <c r="D174" s="92">
        <v>7.0196114367510484E-2</v>
      </c>
      <c r="E174" s="159">
        <v>0.19292611354693837</v>
      </c>
      <c r="F174" s="92">
        <v>5.7356538932046973E-2</v>
      </c>
      <c r="G174" s="159">
        <v>0.27006405085422075</v>
      </c>
      <c r="H174" s="92">
        <v>6.4101596421087481E-2</v>
      </c>
      <c r="I174" s="159">
        <v>0.14417911363283975</v>
      </c>
      <c r="J174" s="92">
        <v>5.1484887504036875E-2</v>
      </c>
      <c r="K174" s="122">
        <v>190</v>
      </c>
      <c r="L174" s="121">
        <v>0.35642790743438219</v>
      </c>
      <c r="M174" s="92">
        <v>6.8898297906980557E-2</v>
      </c>
      <c r="N174" s="121">
        <v>0.19681357568150024</v>
      </c>
      <c r="O174" s="121">
        <v>5.7764097585738985E-2</v>
      </c>
      <c r="P174" s="121">
        <v>0.35263271941469027</v>
      </c>
      <c r="Q174" s="92">
        <v>6.8739640760572956E-2</v>
      </c>
      <c r="R174" s="121">
        <v>9.412579746942637E-2</v>
      </c>
      <c r="S174" s="92">
        <v>4.3550953322393449E-2</v>
      </c>
      <c r="T174" s="122">
        <v>191</v>
      </c>
      <c r="U174" s="121">
        <v>0.22526087523528995</v>
      </c>
      <c r="V174" s="92">
        <v>6.0355074645205349E-2</v>
      </c>
      <c r="W174" s="121">
        <v>0.2306646568166327</v>
      </c>
      <c r="X174" s="121">
        <v>6.0832516919155026E-2</v>
      </c>
      <c r="Y174" s="121">
        <v>0.51102912229004149</v>
      </c>
      <c r="Z174" s="92">
        <v>7.1594771002269589E-2</v>
      </c>
      <c r="AA174" s="121">
        <v>3.3045345658034665E-2</v>
      </c>
      <c r="AB174" s="92">
        <v>2.8932141860617364E-2</v>
      </c>
    </row>
  </sheetData>
  <mergeCells count="24">
    <mergeCell ref="K150:S150"/>
    <mergeCell ref="T150:AB150"/>
    <mergeCell ref="A119:D119"/>
    <mergeCell ref="A120:D120"/>
    <mergeCell ref="A3:O3"/>
    <mergeCell ref="A4:O4"/>
    <mergeCell ref="E5:O5"/>
    <mergeCell ref="A32:I32"/>
    <mergeCell ref="B92:H92"/>
    <mergeCell ref="I92:O92"/>
    <mergeCell ref="B150:J150"/>
    <mergeCell ref="A91:V91"/>
    <mergeCell ref="A5:D5"/>
    <mergeCell ref="A34:D34"/>
    <mergeCell ref="A61:D61"/>
    <mergeCell ref="A62:D62"/>
    <mergeCell ref="A149:AB149"/>
    <mergeCell ref="A148:AB148"/>
    <mergeCell ref="P92:V92"/>
    <mergeCell ref="E34:I34"/>
    <mergeCell ref="A33:I33"/>
    <mergeCell ref="A63:D63"/>
    <mergeCell ref="A90:V90"/>
    <mergeCell ref="A121:D121"/>
  </mergeCells>
  <pageMargins left="0.7" right="0.7" top="0.75" bottom="0.75" header="0.3" footer="0.3"/>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AS147"/>
  <sheetViews>
    <sheetView zoomScaleNormal="100" workbookViewId="0"/>
  </sheetViews>
  <sheetFormatPr defaultColWidth="19.140625" defaultRowHeight="15"/>
  <cols>
    <col min="1" max="1" width="57.5703125" customWidth="1"/>
  </cols>
  <sheetData>
    <row r="1" spans="1:4" ht="31.5">
      <c r="A1" s="30" t="s">
        <v>39</v>
      </c>
    </row>
    <row r="3" spans="1:4" ht="18.75">
      <c r="A3" s="337" t="s">
        <v>11</v>
      </c>
      <c r="B3" s="337"/>
      <c r="C3" s="337"/>
      <c r="D3" s="337"/>
    </row>
    <row r="4" spans="1:4" ht="133.5" customHeight="1">
      <c r="A4" s="391" t="s">
        <v>469</v>
      </c>
      <c r="B4" s="391"/>
      <c r="C4" s="391"/>
      <c r="D4" s="391"/>
    </row>
    <row r="5" spans="1:4" ht="38.25" customHeight="1">
      <c r="A5" s="339" t="s">
        <v>122</v>
      </c>
      <c r="B5" s="339"/>
      <c r="C5" s="339"/>
      <c r="D5" s="339"/>
    </row>
    <row r="6" spans="1:4" ht="72">
      <c r="A6" s="32" t="s">
        <v>71</v>
      </c>
      <c r="B6" s="33" t="s">
        <v>72</v>
      </c>
      <c r="C6" s="34" t="s">
        <v>589</v>
      </c>
      <c r="D6" s="35" t="s">
        <v>73</v>
      </c>
    </row>
    <row r="7" spans="1:4" ht="72">
      <c r="A7" s="36"/>
      <c r="B7" s="37" t="s">
        <v>74</v>
      </c>
      <c r="C7" s="123" t="s">
        <v>123</v>
      </c>
      <c r="D7" s="39" t="s">
        <v>76</v>
      </c>
    </row>
    <row r="8" spans="1:4">
      <c r="A8" s="40" t="s">
        <v>350</v>
      </c>
      <c r="B8" s="161">
        <v>13038</v>
      </c>
      <c r="C8" s="162">
        <v>4.3063938454541928</v>
      </c>
      <c r="D8" s="81">
        <v>2.3278647383610147E-2</v>
      </c>
    </row>
    <row r="9" spans="1:4">
      <c r="A9" s="44" t="s">
        <v>351</v>
      </c>
      <c r="B9" s="44">
        <v>9671</v>
      </c>
      <c r="C9" s="164">
        <v>4.2588562671727557</v>
      </c>
      <c r="D9" s="82">
        <v>2.7110082737648852E-2</v>
      </c>
    </row>
    <row r="10" spans="1:4">
      <c r="A10" s="40" t="s">
        <v>352</v>
      </c>
      <c r="B10" s="48">
        <v>3367</v>
      </c>
      <c r="C10" s="162">
        <v>4.3459776287948415</v>
      </c>
      <c r="D10" s="81">
        <v>4.5414474455323685E-2</v>
      </c>
    </row>
    <row r="11" spans="1:4">
      <c r="A11" s="44" t="s">
        <v>534</v>
      </c>
      <c r="B11" s="44">
        <v>1762</v>
      </c>
      <c r="C11" s="164">
        <v>4.2717243637976337</v>
      </c>
      <c r="D11" s="82">
        <v>6.524316493897471E-2</v>
      </c>
    </row>
    <row r="12" spans="1:4">
      <c r="A12" s="40" t="s">
        <v>535</v>
      </c>
      <c r="B12" s="48">
        <v>1443</v>
      </c>
      <c r="C12" s="162">
        <v>4.2010120289226069</v>
      </c>
      <c r="D12" s="81">
        <v>7.3382924125225388E-2</v>
      </c>
    </row>
    <row r="13" spans="1:4">
      <c r="A13" s="44" t="s">
        <v>546</v>
      </c>
      <c r="B13" s="44">
        <v>322</v>
      </c>
      <c r="C13" s="164">
        <v>4.4973357163578056</v>
      </c>
      <c r="D13" s="82">
        <v>0.13804978446949903</v>
      </c>
    </row>
    <row r="14" spans="1:4">
      <c r="A14" s="40" t="s">
        <v>536</v>
      </c>
      <c r="B14" s="48">
        <v>281</v>
      </c>
      <c r="C14" s="162">
        <v>4.0380542113529581</v>
      </c>
      <c r="D14" s="81">
        <v>0.16581559217071931</v>
      </c>
    </row>
    <row r="15" spans="1:4">
      <c r="A15" s="44" t="s">
        <v>537</v>
      </c>
      <c r="B15" s="44">
        <v>84</v>
      </c>
      <c r="C15" s="164">
        <v>3.973635104483602</v>
      </c>
      <c r="D15" s="82">
        <v>0.30128367613409524</v>
      </c>
    </row>
    <row r="16" spans="1:4">
      <c r="A16" s="40" t="s">
        <v>538</v>
      </c>
      <c r="B16" s="48">
        <v>85</v>
      </c>
      <c r="C16" s="162">
        <v>3.8424400640933944</v>
      </c>
      <c r="D16" s="81">
        <v>0.29931315483799187</v>
      </c>
    </row>
    <row r="17" spans="1:37">
      <c r="A17" s="44" t="s">
        <v>539</v>
      </c>
      <c r="B17" s="44">
        <v>94</v>
      </c>
      <c r="C17" s="164">
        <v>4.1911149423918506</v>
      </c>
      <c r="D17" s="82">
        <v>0.26645113647125845</v>
      </c>
    </row>
    <row r="18" spans="1:37">
      <c r="A18" s="40" t="s">
        <v>540</v>
      </c>
      <c r="B18" s="161">
        <v>109</v>
      </c>
      <c r="C18" s="162">
        <v>4.154082041961856</v>
      </c>
      <c r="D18" s="81">
        <v>0.25868664094314614</v>
      </c>
    </row>
    <row r="19" spans="1:37">
      <c r="A19" s="44" t="s">
        <v>541</v>
      </c>
      <c r="B19" s="163">
        <v>107</v>
      </c>
      <c r="C19" s="164">
        <v>4.1886372186773206</v>
      </c>
      <c r="D19" s="82">
        <v>0.26140824345234198</v>
      </c>
    </row>
    <row r="20" spans="1:37">
      <c r="A20" s="40" t="s">
        <v>542</v>
      </c>
      <c r="B20" s="78">
        <v>167</v>
      </c>
      <c r="C20" s="162">
        <v>3.842488753496407</v>
      </c>
      <c r="D20" s="81">
        <v>0.21821982789822372</v>
      </c>
    </row>
    <row r="21" spans="1:37">
      <c r="A21" s="44" t="s">
        <v>547</v>
      </c>
      <c r="B21" s="163">
        <v>70</v>
      </c>
      <c r="C21" s="164">
        <v>3.5916703520252611</v>
      </c>
      <c r="D21" s="82">
        <v>0.32598285965869533</v>
      </c>
    </row>
    <row r="22" spans="1:37">
      <c r="A22" s="52" t="s">
        <v>548</v>
      </c>
      <c r="B22" s="161">
        <v>113</v>
      </c>
      <c r="C22" s="162">
        <v>4.4667433418294511</v>
      </c>
      <c r="D22" s="81">
        <v>0.26131385656793604</v>
      </c>
    </row>
    <row r="23" spans="1:37">
      <c r="A23" s="44" t="s">
        <v>549</v>
      </c>
      <c r="B23" s="163">
        <v>94</v>
      </c>
      <c r="C23" s="164">
        <v>4.0562036463887665</v>
      </c>
      <c r="D23" s="82">
        <v>0.30801471399436181</v>
      </c>
    </row>
    <row r="24" spans="1:37">
      <c r="A24" s="52" t="s">
        <v>550</v>
      </c>
      <c r="B24" s="161">
        <v>120</v>
      </c>
      <c r="C24" s="162">
        <v>4.0971436037078739</v>
      </c>
      <c r="D24" s="81">
        <v>0.25329269935394538</v>
      </c>
    </row>
    <row r="25" spans="1:37">
      <c r="A25" s="44" t="s">
        <v>551</v>
      </c>
      <c r="B25" s="163">
        <v>110</v>
      </c>
      <c r="C25" s="164">
        <v>4.2729204150936768</v>
      </c>
      <c r="D25" s="82">
        <v>0.27857533584196287</v>
      </c>
    </row>
    <row r="26" spans="1:37">
      <c r="A26" s="52" t="s">
        <v>543</v>
      </c>
      <c r="B26" s="161">
        <v>156</v>
      </c>
      <c r="C26" s="162">
        <v>4.6655910561443736</v>
      </c>
      <c r="D26" s="81">
        <v>0.18514380938708697</v>
      </c>
    </row>
    <row r="27" spans="1:37">
      <c r="A27" s="44" t="s">
        <v>544</v>
      </c>
      <c r="B27" s="163">
        <v>47</v>
      </c>
      <c r="C27" s="164">
        <v>5.0171453162289934</v>
      </c>
      <c r="D27" s="82">
        <v>0.31060370583959496</v>
      </c>
    </row>
    <row r="28" spans="1:37">
      <c r="A28" s="52" t="s">
        <v>552</v>
      </c>
      <c r="B28" s="161">
        <v>109</v>
      </c>
      <c r="C28" s="162">
        <v>4.5109584809689913</v>
      </c>
      <c r="D28" s="81">
        <v>0.22360380153632473</v>
      </c>
    </row>
    <row r="29" spans="1:37">
      <c r="A29" s="44" t="s">
        <v>545</v>
      </c>
      <c r="B29" s="163">
        <v>182</v>
      </c>
      <c r="C29" s="164">
        <v>4.1027382951467457</v>
      </c>
      <c r="D29" s="82">
        <v>0.21533283733257949</v>
      </c>
    </row>
    <row r="32" spans="1:37" ht="18.75">
      <c r="A32" s="337" t="s">
        <v>42</v>
      </c>
      <c r="B32" s="337"/>
      <c r="C32" s="337"/>
      <c r="D32" s="337"/>
      <c r="E32" s="337"/>
      <c r="F32" s="337"/>
      <c r="G32" s="337"/>
      <c r="H32" s="337"/>
      <c r="I32" s="337"/>
      <c r="J32" s="337"/>
      <c r="K32" s="337"/>
      <c r="L32" s="337"/>
      <c r="M32" s="337"/>
      <c r="N32" s="337"/>
      <c r="O32" s="337"/>
      <c r="P32" s="337"/>
      <c r="Q32" s="337"/>
      <c r="R32" s="337"/>
      <c r="S32" s="337"/>
      <c r="T32" s="337"/>
      <c r="U32" s="337"/>
      <c r="V32" s="337"/>
      <c r="W32" s="337"/>
      <c r="X32" s="337"/>
      <c r="Y32" s="337"/>
      <c r="Z32" s="337"/>
      <c r="AA32" s="337"/>
      <c r="AB32" s="337"/>
      <c r="AC32" s="337"/>
      <c r="AD32" s="337"/>
      <c r="AE32" s="337"/>
      <c r="AF32" s="337"/>
      <c r="AG32" s="337"/>
      <c r="AH32" s="337"/>
      <c r="AI32" s="337"/>
      <c r="AJ32" s="337"/>
      <c r="AK32" s="337"/>
    </row>
    <row r="33" spans="1:45" ht="64.5" customHeight="1">
      <c r="A33" s="407" t="s">
        <v>596</v>
      </c>
      <c r="B33" s="407"/>
      <c r="C33" s="407"/>
      <c r="D33" s="407"/>
      <c r="E33" s="407"/>
      <c r="F33" s="407"/>
      <c r="G33" s="407"/>
      <c r="H33" s="407"/>
      <c r="I33" s="407"/>
      <c r="J33" s="407"/>
      <c r="K33" s="407"/>
      <c r="L33" s="407"/>
      <c r="M33" s="407"/>
      <c r="N33" s="407"/>
      <c r="O33" s="407"/>
      <c r="P33" s="407"/>
      <c r="Q33" s="407"/>
      <c r="R33" s="407"/>
      <c r="S33" s="407"/>
      <c r="T33" s="407"/>
      <c r="U33" s="407"/>
      <c r="V33" s="407"/>
      <c r="W33" s="407"/>
      <c r="X33" s="407"/>
      <c r="Y33" s="407"/>
      <c r="Z33" s="407"/>
      <c r="AA33" s="407"/>
      <c r="AB33" s="407"/>
      <c r="AC33" s="407"/>
      <c r="AD33" s="407"/>
      <c r="AE33" s="407"/>
      <c r="AF33" s="407"/>
      <c r="AG33" s="407"/>
      <c r="AH33" s="407"/>
      <c r="AI33" s="407"/>
      <c r="AJ33" s="407"/>
      <c r="AK33" s="407"/>
    </row>
    <row r="34" spans="1:45" ht="39" customHeight="1">
      <c r="A34" s="59"/>
      <c r="B34" s="392" t="s">
        <v>124</v>
      </c>
      <c r="C34" s="405"/>
      <c r="D34" s="405"/>
      <c r="E34" s="405"/>
      <c r="F34" s="405"/>
      <c r="G34" s="405"/>
      <c r="H34" s="405"/>
      <c r="I34" s="405"/>
      <c r="J34" s="406"/>
      <c r="K34" s="392" t="s">
        <v>387</v>
      </c>
      <c r="L34" s="405"/>
      <c r="M34" s="405"/>
      <c r="N34" s="405"/>
      <c r="O34" s="405"/>
      <c r="P34" s="405"/>
      <c r="Q34" s="405"/>
      <c r="R34" s="405"/>
      <c r="S34" s="406"/>
      <c r="T34" s="392" t="s">
        <v>125</v>
      </c>
      <c r="U34" s="405"/>
      <c r="V34" s="405"/>
      <c r="W34" s="405"/>
      <c r="X34" s="405"/>
      <c r="Y34" s="405"/>
      <c r="Z34" s="405"/>
      <c r="AA34" s="405"/>
      <c r="AB34" s="406"/>
      <c r="AC34" s="392" t="s">
        <v>388</v>
      </c>
      <c r="AD34" s="405"/>
      <c r="AE34" s="405"/>
      <c r="AF34" s="405"/>
      <c r="AG34" s="405"/>
      <c r="AH34" s="405"/>
      <c r="AI34" s="405"/>
      <c r="AJ34" s="405"/>
      <c r="AK34" s="406"/>
      <c r="AL34" s="289"/>
      <c r="AM34" s="289"/>
      <c r="AN34" s="289"/>
      <c r="AO34" s="289"/>
      <c r="AP34" s="289"/>
      <c r="AQ34" s="289"/>
      <c r="AR34" s="289"/>
      <c r="AS34" s="289"/>
    </row>
    <row r="35" spans="1:45" ht="72">
      <c r="A35" s="32" t="s">
        <v>71</v>
      </c>
      <c r="B35" s="33" t="s">
        <v>72</v>
      </c>
      <c r="C35" s="33" t="s">
        <v>156</v>
      </c>
      <c r="D35" s="84" t="s">
        <v>85</v>
      </c>
      <c r="E35" s="33" t="s">
        <v>157</v>
      </c>
      <c r="F35" s="84" t="s">
        <v>86</v>
      </c>
      <c r="G35" s="33" t="s">
        <v>158</v>
      </c>
      <c r="H35" s="84" t="s">
        <v>87</v>
      </c>
      <c r="I35" s="33" t="s">
        <v>301</v>
      </c>
      <c r="J35" s="84" t="s">
        <v>300</v>
      </c>
      <c r="K35" s="60" t="s">
        <v>72</v>
      </c>
      <c r="L35" s="60" t="s">
        <v>156</v>
      </c>
      <c r="M35" s="83" t="s">
        <v>85</v>
      </c>
      <c r="N35" s="60" t="s">
        <v>157</v>
      </c>
      <c r="O35" s="83" t="s">
        <v>86</v>
      </c>
      <c r="P35" s="60" t="s">
        <v>158</v>
      </c>
      <c r="Q35" s="83" t="s">
        <v>87</v>
      </c>
      <c r="R35" s="60" t="s">
        <v>301</v>
      </c>
      <c r="S35" s="83" t="s">
        <v>300</v>
      </c>
      <c r="T35" s="33" t="s">
        <v>72</v>
      </c>
      <c r="U35" s="33" t="s">
        <v>156</v>
      </c>
      <c r="V35" s="84" t="s">
        <v>85</v>
      </c>
      <c r="W35" s="33" t="s">
        <v>157</v>
      </c>
      <c r="X35" s="84" t="s">
        <v>86</v>
      </c>
      <c r="Y35" s="33" t="s">
        <v>158</v>
      </c>
      <c r="Z35" s="84" t="s">
        <v>87</v>
      </c>
      <c r="AA35" s="33" t="s">
        <v>301</v>
      </c>
      <c r="AB35" s="84" t="s">
        <v>300</v>
      </c>
      <c r="AC35" s="60" t="s">
        <v>72</v>
      </c>
      <c r="AD35" s="60" t="s">
        <v>156</v>
      </c>
      <c r="AE35" s="83" t="s">
        <v>85</v>
      </c>
      <c r="AF35" s="60" t="s">
        <v>157</v>
      </c>
      <c r="AG35" s="83" t="s">
        <v>86</v>
      </c>
      <c r="AH35" s="60" t="s">
        <v>158</v>
      </c>
      <c r="AI35" s="83" t="s">
        <v>87</v>
      </c>
      <c r="AJ35" s="60" t="s">
        <v>301</v>
      </c>
      <c r="AK35" s="83" t="s">
        <v>300</v>
      </c>
    </row>
    <row r="36" spans="1:45" ht="84">
      <c r="A36" s="36"/>
      <c r="B36" s="37" t="s">
        <v>74</v>
      </c>
      <c r="C36" s="37" t="s">
        <v>159</v>
      </c>
      <c r="D36" s="86" t="s">
        <v>126</v>
      </c>
      <c r="E36" s="37" t="s">
        <v>160</v>
      </c>
      <c r="F36" s="86" t="s">
        <v>127</v>
      </c>
      <c r="G36" s="37" t="s">
        <v>161</v>
      </c>
      <c r="H36" s="86" t="s">
        <v>128</v>
      </c>
      <c r="I36" s="37" t="s">
        <v>301</v>
      </c>
      <c r="J36" s="86" t="s">
        <v>88</v>
      </c>
      <c r="K36" s="63" t="s">
        <v>74</v>
      </c>
      <c r="L36" s="63" t="s">
        <v>159</v>
      </c>
      <c r="M36" s="85" t="s">
        <v>126</v>
      </c>
      <c r="N36" s="63" t="s">
        <v>160</v>
      </c>
      <c r="O36" s="85" t="s">
        <v>127</v>
      </c>
      <c r="P36" s="63" t="s">
        <v>161</v>
      </c>
      <c r="Q36" s="85" t="s">
        <v>128</v>
      </c>
      <c r="R36" s="63" t="s">
        <v>301</v>
      </c>
      <c r="S36" s="85" t="s">
        <v>88</v>
      </c>
      <c r="T36" s="37" t="s">
        <v>74</v>
      </c>
      <c r="U36" s="37" t="s">
        <v>159</v>
      </c>
      <c r="V36" s="86" t="s">
        <v>126</v>
      </c>
      <c r="W36" s="37" t="s">
        <v>160</v>
      </c>
      <c r="X36" s="86" t="s">
        <v>127</v>
      </c>
      <c r="Y36" s="37" t="s">
        <v>161</v>
      </c>
      <c r="Z36" s="86" t="s">
        <v>128</v>
      </c>
      <c r="AA36" s="37" t="s">
        <v>301</v>
      </c>
      <c r="AB36" s="86" t="s">
        <v>88</v>
      </c>
      <c r="AC36" s="63" t="s">
        <v>74</v>
      </c>
      <c r="AD36" s="63" t="s">
        <v>159</v>
      </c>
      <c r="AE36" s="85" t="s">
        <v>126</v>
      </c>
      <c r="AF36" s="63" t="s">
        <v>160</v>
      </c>
      <c r="AG36" s="85" t="s">
        <v>127</v>
      </c>
      <c r="AH36" s="63" t="s">
        <v>161</v>
      </c>
      <c r="AI36" s="85" t="s">
        <v>128</v>
      </c>
      <c r="AJ36" s="63" t="s">
        <v>301</v>
      </c>
      <c r="AK36" s="85" t="s">
        <v>88</v>
      </c>
    </row>
    <row r="37" spans="1:45">
      <c r="A37" s="40" t="s">
        <v>350</v>
      </c>
      <c r="B37" s="161">
        <v>13880</v>
      </c>
      <c r="C37" s="165">
        <v>0.29135498375824709</v>
      </c>
      <c r="D37" s="89">
        <v>7.7130236530871749E-3</v>
      </c>
      <c r="E37" s="165">
        <v>0.20774797413696611</v>
      </c>
      <c r="F37" s="89">
        <v>6.8871205039825641E-3</v>
      </c>
      <c r="G37" s="165">
        <v>0.42667464265435678</v>
      </c>
      <c r="H37" s="89">
        <v>8.3950721840318297E-3</v>
      </c>
      <c r="I37" s="88">
        <v>7.4222399450447132E-2</v>
      </c>
      <c r="J37" s="89">
        <v>4.4526989233520213E-3</v>
      </c>
      <c r="K37" s="161">
        <v>13890</v>
      </c>
      <c r="L37" s="165">
        <v>0.34189549028266986</v>
      </c>
      <c r="M37" s="89">
        <v>8.0486743476053009E-3</v>
      </c>
      <c r="N37" s="165">
        <v>0.19965478829868658</v>
      </c>
      <c r="O37" s="89">
        <v>6.7836815219318699E-3</v>
      </c>
      <c r="P37" s="165">
        <v>0.38036655567884892</v>
      </c>
      <c r="Q37" s="89">
        <v>8.2374449806215944E-3</v>
      </c>
      <c r="R37" s="88">
        <v>7.8083165739812943E-2</v>
      </c>
      <c r="S37" s="89">
        <v>4.5556447490135397E-3</v>
      </c>
      <c r="T37" s="161">
        <v>13870</v>
      </c>
      <c r="U37" s="165">
        <v>0.27724897641459306</v>
      </c>
      <c r="V37" s="89">
        <v>7.6013281544836074E-3</v>
      </c>
      <c r="W37" s="165">
        <v>0.17088162611656965</v>
      </c>
      <c r="X37" s="89">
        <v>6.3926480768412685E-3</v>
      </c>
      <c r="Y37" s="165">
        <v>0.47270941898900426</v>
      </c>
      <c r="Z37" s="89">
        <v>8.4771849695039116E-3</v>
      </c>
      <c r="AA37" s="88">
        <v>7.9159978479849333E-2</v>
      </c>
      <c r="AB37" s="89">
        <v>4.5875207340211428E-3</v>
      </c>
      <c r="AC37" s="161">
        <v>13866</v>
      </c>
      <c r="AD37" s="165">
        <v>0.18962844274582047</v>
      </c>
      <c r="AE37" s="89">
        <v>6.6583111622112584E-3</v>
      </c>
      <c r="AF37" s="165">
        <v>0.20424099143650934</v>
      </c>
      <c r="AG37" s="89">
        <v>6.8473320865241206E-3</v>
      </c>
      <c r="AH37" s="165">
        <v>0.5516637581328524</v>
      </c>
      <c r="AI37" s="89">
        <v>8.4456341950027262E-3</v>
      </c>
      <c r="AJ37" s="88">
        <v>5.4466807684833363E-2</v>
      </c>
      <c r="AK37" s="89">
        <v>3.8581424358494704E-3</v>
      </c>
    </row>
    <row r="38" spans="1:45">
      <c r="A38" s="44" t="s">
        <v>351</v>
      </c>
      <c r="B38" s="163">
        <v>10168</v>
      </c>
      <c r="C38" s="166">
        <v>0.33326677326710175</v>
      </c>
      <c r="D38" s="92">
        <v>9.3480330482870848E-3</v>
      </c>
      <c r="E38" s="166">
        <v>0.19428790359081041</v>
      </c>
      <c r="F38" s="92">
        <v>7.8476849694572807E-3</v>
      </c>
      <c r="G38" s="166">
        <v>0.41315788767892103</v>
      </c>
      <c r="H38" s="92">
        <v>9.7645175620285907E-3</v>
      </c>
      <c r="I38" s="91">
        <v>5.9287435463167414E-2</v>
      </c>
      <c r="J38" s="92">
        <v>4.6895420877363717E-3</v>
      </c>
      <c r="K38" s="163">
        <v>10170</v>
      </c>
      <c r="L38" s="166">
        <v>0.39402579456126929</v>
      </c>
      <c r="M38" s="92">
        <v>9.6890579643586581E-3</v>
      </c>
      <c r="N38" s="166">
        <v>0.18979803786146401</v>
      </c>
      <c r="O38" s="92">
        <v>7.7773820216411422E-3</v>
      </c>
      <c r="P38" s="166">
        <v>0.35379391199148785</v>
      </c>
      <c r="Q38" s="92">
        <v>9.48114504039641E-3</v>
      </c>
      <c r="R38" s="91">
        <v>6.2382255585778743E-2</v>
      </c>
      <c r="S38" s="92">
        <v>4.8015980641209861E-3</v>
      </c>
      <c r="T38" s="163">
        <v>10158</v>
      </c>
      <c r="U38" s="166">
        <v>0.2617227838355578</v>
      </c>
      <c r="V38" s="92">
        <v>8.7221010497714763E-3</v>
      </c>
      <c r="W38" s="166">
        <v>0.15472642745560647</v>
      </c>
      <c r="X38" s="92">
        <v>7.1775632918835621E-3</v>
      </c>
      <c r="Y38" s="166">
        <v>0.51047888836438104</v>
      </c>
      <c r="Z38" s="92">
        <v>9.9177939588992944E-3</v>
      </c>
      <c r="AA38" s="91">
        <v>7.307190034444877E-2</v>
      </c>
      <c r="AB38" s="92">
        <v>5.168899282576263E-3</v>
      </c>
      <c r="AC38" s="163">
        <v>10150</v>
      </c>
      <c r="AD38" s="166">
        <v>0.19876171915823659</v>
      </c>
      <c r="AE38" s="92">
        <v>7.9223874203287852E-3</v>
      </c>
      <c r="AF38" s="166">
        <v>0.19577903998632742</v>
      </c>
      <c r="AG38" s="92">
        <v>7.8773969127038865E-3</v>
      </c>
      <c r="AH38" s="166">
        <v>0.56270077896976678</v>
      </c>
      <c r="AI38" s="92">
        <v>9.8456016184728413E-3</v>
      </c>
      <c r="AJ38" s="91">
        <v>4.2758461885663117E-2</v>
      </c>
      <c r="AK38" s="92">
        <v>4.0235109008786556E-3</v>
      </c>
    </row>
    <row r="39" spans="1:45">
      <c r="A39" s="40" t="s">
        <v>352</v>
      </c>
      <c r="B39" s="161">
        <v>3712</v>
      </c>
      <c r="C39" s="165">
        <v>0.25751204521443621</v>
      </c>
      <c r="D39" s="89">
        <v>1.435090423557771E-2</v>
      </c>
      <c r="E39" s="165">
        <v>0.21861671406972916</v>
      </c>
      <c r="F39" s="89">
        <v>1.3566953538342721E-2</v>
      </c>
      <c r="G39" s="165">
        <v>0.43758915413920407</v>
      </c>
      <c r="H39" s="89">
        <v>1.6276448788270725E-2</v>
      </c>
      <c r="I39" s="88">
        <v>8.6282086576631195E-2</v>
      </c>
      <c r="J39" s="89">
        <v>9.2335897220080995E-3</v>
      </c>
      <c r="K39" s="161">
        <v>3720</v>
      </c>
      <c r="L39" s="165">
        <v>0.29988188691440143</v>
      </c>
      <c r="M39" s="89">
        <v>1.5020169942289666E-2</v>
      </c>
      <c r="N39" s="165">
        <v>0.20759868214507307</v>
      </c>
      <c r="O39" s="89">
        <v>1.3300018210992307E-2</v>
      </c>
      <c r="P39" s="165">
        <v>0.40178236223849839</v>
      </c>
      <c r="Q39" s="89">
        <v>1.6068262271909963E-2</v>
      </c>
      <c r="R39" s="88">
        <v>9.0737068702027524E-2</v>
      </c>
      <c r="S39" s="89">
        <v>9.4342361478275787E-3</v>
      </c>
      <c r="T39" s="161">
        <v>3712</v>
      </c>
      <c r="U39" s="165">
        <v>0.28976239904789852</v>
      </c>
      <c r="V39" s="89">
        <v>1.488727849610906E-2</v>
      </c>
      <c r="W39" s="165">
        <v>0.1839019997555458</v>
      </c>
      <c r="X39" s="89">
        <v>1.2719421723788366E-2</v>
      </c>
      <c r="Y39" s="165">
        <v>0.44226890174535066</v>
      </c>
      <c r="Z39" s="89">
        <v>1.6294989609164812E-2</v>
      </c>
      <c r="AA39" s="88">
        <v>8.4066699451206095E-2</v>
      </c>
      <c r="AB39" s="89">
        <v>9.1260597318304666E-3</v>
      </c>
      <c r="AC39" s="161">
        <v>3716</v>
      </c>
      <c r="AD39" s="165">
        <v>0.18226540276901662</v>
      </c>
      <c r="AE39" s="89">
        <v>1.2668720141177653E-2</v>
      </c>
      <c r="AF39" s="165">
        <v>0.21106282447822419</v>
      </c>
      <c r="AG39" s="89">
        <v>1.3388116583072094E-2</v>
      </c>
      <c r="AH39" s="165">
        <v>0.54276596264550536</v>
      </c>
      <c r="AI39" s="89">
        <v>1.6335692286377296E-2</v>
      </c>
      <c r="AJ39" s="88">
        <v>6.3905810107254254E-2</v>
      </c>
      <c r="AK39" s="89">
        <v>8.0476152154377954E-3</v>
      </c>
    </row>
    <row r="40" spans="1:45">
      <c r="A40" s="44" t="s">
        <v>534</v>
      </c>
      <c r="B40" s="163">
        <v>1874</v>
      </c>
      <c r="C40" s="166">
        <v>0.2976928521019479</v>
      </c>
      <c r="D40" s="92">
        <v>2.1111095164872463E-2</v>
      </c>
      <c r="E40" s="166">
        <v>0.20248462681027593</v>
      </c>
      <c r="F40" s="92">
        <v>1.8567509930907673E-2</v>
      </c>
      <c r="G40" s="166">
        <v>0.42828328926754899</v>
      </c>
      <c r="H40" s="92">
        <v>2.2837976318106225E-2</v>
      </c>
      <c r="I40" s="91">
        <v>7.1539231820228477E-2</v>
      </c>
      <c r="J40" s="92">
        <v>1.1963963898727403E-2</v>
      </c>
      <c r="K40" s="163">
        <v>1882</v>
      </c>
      <c r="L40" s="166">
        <v>0.34322280567799807</v>
      </c>
      <c r="M40" s="92">
        <v>2.1870391374750359E-2</v>
      </c>
      <c r="N40" s="166">
        <v>0.19634328275267079</v>
      </c>
      <c r="O40" s="92">
        <v>1.8316372903909466E-2</v>
      </c>
      <c r="P40" s="166">
        <v>0.38071762090787287</v>
      </c>
      <c r="Q40" s="92">
        <v>2.2364568408082194E-2</v>
      </c>
      <c r="R40" s="91">
        <v>7.9716290661459827E-2</v>
      </c>
      <c r="S40" s="92">
        <v>1.25371194863038E-2</v>
      </c>
      <c r="T40" s="163">
        <v>1878</v>
      </c>
      <c r="U40" s="166">
        <v>0.29755859584873096</v>
      </c>
      <c r="V40" s="92">
        <v>2.1085902999072564E-2</v>
      </c>
      <c r="W40" s="166">
        <v>0.17919257251704507</v>
      </c>
      <c r="X40" s="92">
        <v>1.77070031572924E-2</v>
      </c>
      <c r="Y40" s="166">
        <v>0.43715915046544956</v>
      </c>
      <c r="Z40" s="92">
        <v>2.2869021135038435E-2</v>
      </c>
      <c r="AA40" s="91">
        <v>8.6089681168775967E-2</v>
      </c>
      <c r="AB40" s="92">
        <v>1.2991105274232202E-2</v>
      </c>
      <c r="AC40" s="163">
        <v>1876</v>
      </c>
      <c r="AD40" s="166">
        <v>0.19996573906474244</v>
      </c>
      <c r="AE40" s="92">
        <v>1.8471490450693222E-2</v>
      </c>
      <c r="AF40" s="166">
        <v>0.21151690656737379</v>
      </c>
      <c r="AG40" s="92">
        <v>1.8857317916853644E-2</v>
      </c>
      <c r="AH40" s="166">
        <v>0.54175176661005364</v>
      </c>
      <c r="AI40" s="92">
        <v>2.2983074253583688E-2</v>
      </c>
      <c r="AJ40" s="91">
        <v>4.6765587757833099E-2</v>
      </c>
      <c r="AK40" s="92">
        <v>9.833915627251848E-3</v>
      </c>
    </row>
    <row r="41" spans="1:45">
      <c r="A41" s="40" t="s">
        <v>535</v>
      </c>
      <c r="B41" s="161">
        <v>1529</v>
      </c>
      <c r="C41" s="165">
        <v>0.32794218299335631</v>
      </c>
      <c r="D41" s="89">
        <v>2.3989038306182466E-2</v>
      </c>
      <c r="E41" s="165">
        <v>0.19406279892321143</v>
      </c>
      <c r="F41" s="89">
        <v>2.0232841173770794E-2</v>
      </c>
      <c r="G41" s="165">
        <v>0.4168452822507912</v>
      </c>
      <c r="H41" s="89">
        <v>2.5186652488519749E-2</v>
      </c>
      <c r="I41" s="88">
        <v>6.1149735832640398E-2</v>
      </c>
      <c r="J41" s="89">
        <v>1.2345765282108061E-2</v>
      </c>
      <c r="K41" s="161">
        <v>1532</v>
      </c>
      <c r="L41" s="165">
        <v>0.36927293873242206</v>
      </c>
      <c r="M41" s="89">
        <v>2.4632683218949344E-2</v>
      </c>
      <c r="N41" s="165">
        <v>0.19511234826192722</v>
      </c>
      <c r="O41" s="89">
        <v>2.0254052947705631E-2</v>
      </c>
      <c r="P41" s="165">
        <v>0.36372952045065921</v>
      </c>
      <c r="Q41" s="89">
        <v>2.4554729865334631E-2</v>
      </c>
      <c r="R41" s="88">
        <v>7.188519255499054E-2</v>
      </c>
      <c r="S41" s="89">
        <v>1.3275041581816254E-2</v>
      </c>
      <c r="T41" s="161">
        <v>1530</v>
      </c>
      <c r="U41" s="165">
        <v>0.3146896139162188</v>
      </c>
      <c r="V41" s="89">
        <v>2.3723687234459428E-2</v>
      </c>
      <c r="W41" s="165">
        <v>0.16573815294204405</v>
      </c>
      <c r="X41" s="89">
        <v>1.9027938616964182E-2</v>
      </c>
      <c r="Y41" s="165">
        <v>0.43344401830564555</v>
      </c>
      <c r="Z41" s="89">
        <v>2.5306124329417687E-2</v>
      </c>
      <c r="AA41" s="88">
        <v>8.6128214836090719E-2</v>
      </c>
      <c r="AB41" s="89">
        <v>1.4407215940453501E-2</v>
      </c>
      <c r="AC41" s="161">
        <v>1527</v>
      </c>
      <c r="AD41" s="165">
        <v>0.21552452836144237</v>
      </c>
      <c r="AE41" s="89">
        <v>2.1043702544033756E-2</v>
      </c>
      <c r="AF41" s="165">
        <v>0.20178670171282551</v>
      </c>
      <c r="AG41" s="89">
        <v>2.0543428218194579E-2</v>
      </c>
      <c r="AH41" s="165">
        <v>0.53860496409370329</v>
      </c>
      <c r="AI41" s="89">
        <v>2.5481255985659455E-2</v>
      </c>
      <c r="AJ41" s="88">
        <v>4.4083805832027874E-2</v>
      </c>
      <c r="AK41" s="89">
        <v>1.0626998460136742E-2</v>
      </c>
    </row>
    <row r="42" spans="1:45">
      <c r="A42" s="44" t="s">
        <v>546</v>
      </c>
      <c r="B42" s="163">
        <v>349</v>
      </c>
      <c r="C42" s="166">
        <v>0.20296287276359284</v>
      </c>
      <c r="D42" s="92">
        <v>4.3076739834915154E-2</v>
      </c>
      <c r="E42" s="166">
        <v>0.2298869415275259</v>
      </c>
      <c r="F42" s="92">
        <v>4.4997082167030557E-2</v>
      </c>
      <c r="G42" s="166">
        <v>0.46301527544220278</v>
      </c>
      <c r="H42" s="92">
        <v>5.3082111218365098E-2</v>
      </c>
      <c r="I42" s="91">
        <v>0.10413491026667777</v>
      </c>
      <c r="J42" s="92">
        <v>3.3123033007946799E-2</v>
      </c>
      <c r="K42" s="163">
        <v>354</v>
      </c>
      <c r="L42" s="166">
        <v>0.26285874854444369</v>
      </c>
      <c r="M42" s="92">
        <v>4.6678943388173348E-2</v>
      </c>
      <c r="N42" s="166">
        <v>0.20083640882755785</v>
      </c>
      <c r="O42" s="92">
        <v>4.2609038183141594E-2</v>
      </c>
      <c r="P42" s="166">
        <v>0.43266036777805594</v>
      </c>
      <c r="Q42" s="92">
        <v>5.2380872053100075E-2</v>
      </c>
      <c r="R42" s="91">
        <v>0.10364447484994191</v>
      </c>
      <c r="S42" s="92">
        <v>3.281797585812378E-2</v>
      </c>
      <c r="T42" s="163">
        <v>352</v>
      </c>
      <c r="U42" s="166">
        <v>0.24522580219879964</v>
      </c>
      <c r="V42" s="92">
        <v>4.5781670775591705E-2</v>
      </c>
      <c r="W42" s="166">
        <v>0.22233159516335077</v>
      </c>
      <c r="X42" s="92">
        <v>4.4295116258029697E-2</v>
      </c>
      <c r="Y42" s="166">
        <v>0.44736107361110661</v>
      </c>
      <c r="Z42" s="92">
        <v>5.2711964833377083E-2</v>
      </c>
      <c r="AA42" s="91">
        <v>8.5081529026742098E-2</v>
      </c>
      <c r="AB42" s="92">
        <v>3.0296221510723406E-2</v>
      </c>
      <c r="AC42" s="163">
        <v>353</v>
      </c>
      <c r="AD42" s="166">
        <v>0.15381286746410688</v>
      </c>
      <c r="AE42" s="92">
        <v>3.8577658291463673E-2</v>
      </c>
      <c r="AF42" s="166">
        <v>0.24246054747294782</v>
      </c>
      <c r="AG42" s="92">
        <v>4.5546960825626544E-2</v>
      </c>
      <c r="AH42" s="166">
        <v>0.54878240592965144</v>
      </c>
      <c r="AI42" s="92">
        <v>5.2678753204749608E-2</v>
      </c>
      <c r="AJ42" s="91">
        <v>5.4944179133292775E-2</v>
      </c>
      <c r="AK42" s="92">
        <v>2.5124697037439216E-2</v>
      </c>
    </row>
    <row r="43" spans="1:45">
      <c r="A43" s="40" t="s">
        <v>536</v>
      </c>
      <c r="B43" s="161">
        <v>293</v>
      </c>
      <c r="C43" s="165">
        <v>0.40976399630303584</v>
      </c>
      <c r="D43" s="89">
        <v>5.7098805528286764E-2</v>
      </c>
      <c r="E43" s="165">
        <v>0.17296455581437467</v>
      </c>
      <c r="F43" s="89">
        <v>4.4329541163572704E-2</v>
      </c>
      <c r="G43" s="165">
        <v>0.3528541572482049</v>
      </c>
      <c r="H43" s="89">
        <v>5.5526544714052356E-2</v>
      </c>
      <c r="I43" s="88">
        <v>6.4417290634382951E-2</v>
      </c>
      <c r="J43" s="89">
        <v>2.9665684357979095E-2</v>
      </c>
      <c r="K43" s="161">
        <v>295</v>
      </c>
      <c r="L43" s="165">
        <v>0.45487461528493467</v>
      </c>
      <c r="M43" s="89">
        <v>5.7601771871233547E-2</v>
      </c>
      <c r="N43" s="165">
        <v>0.18439330565999257</v>
      </c>
      <c r="O43" s="89">
        <v>4.5247690489849855E-2</v>
      </c>
      <c r="P43" s="165">
        <v>0.30798071472731786</v>
      </c>
      <c r="Q43" s="89">
        <v>5.3519417431959086E-2</v>
      </c>
      <c r="R43" s="88">
        <v>5.2751364327752646E-2</v>
      </c>
      <c r="S43" s="89">
        <v>2.7195530729234873E-2</v>
      </c>
      <c r="T43" s="161">
        <v>295</v>
      </c>
      <c r="U43" s="165">
        <v>0.31941784471551438</v>
      </c>
      <c r="V43" s="89">
        <v>5.4035384803693985E-2</v>
      </c>
      <c r="W43" s="165">
        <v>0.18525385599671096</v>
      </c>
      <c r="X43" s="89">
        <v>4.5325682463152016E-2</v>
      </c>
      <c r="Y43" s="165">
        <v>0.42282443003084785</v>
      </c>
      <c r="Z43" s="89">
        <v>5.7156971577549918E-2</v>
      </c>
      <c r="AA43" s="88">
        <v>7.2503869256925091E-2</v>
      </c>
      <c r="AB43" s="89">
        <v>3.1058055880366493E-2</v>
      </c>
      <c r="AC43" s="161">
        <v>294</v>
      </c>
      <c r="AD43" s="165">
        <v>0.19574687687033587</v>
      </c>
      <c r="AE43" s="89">
        <v>4.6328047981831703E-2</v>
      </c>
      <c r="AF43" s="165">
        <v>0.18904493868303263</v>
      </c>
      <c r="AG43" s="89">
        <v>4.5742981276457789E-2</v>
      </c>
      <c r="AH43" s="165">
        <v>0.5699623947769098</v>
      </c>
      <c r="AI43" s="89">
        <v>5.7373822310947079E-2</v>
      </c>
      <c r="AJ43" s="88">
        <v>4.5245789669718844E-2</v>
      </c>
      <c r="AK43" s="89">
        <v>2.5570815886402629E-2</v>
      </c>
    </row>
    <row r="44" spans="1:45">
      <c r="A44" s="44" t="s">
        <v>537</v>
      </c>
      <c r="B44" s="163">
        <v>87</v>
      </c>
      <c r="C44" s="166">
        <v>0.47996409863988349</v>
      </c>
      <c r="D44" s="92">
        <v>0.10475152771757933</v>
      </c>
      <c r="E44" s="166">
        <v>0.14297272685601509</v>
      </c>
      <c r="F44" s="92">
        <v>7.660122506600818E-2</v>
      </c>
      <c r="G44" s="166">
        <v>0.31277002395564868</v>
      </c>
      <c r="H44" s="92">
        <v>9.7880611030773057E-2</v>
      </c>
      <c r="I44" s="91">
        <v>6.4293150548452763E-2</v>
      </c>
      <c r="J44" s="92">
        <v>5.798143517401437E-2</v>
      </c>
      <c r="K44" s="163">
        <v>87</v>
      </c>
      <c r="L44" s="166">
        <v>0.43213207626085298</v>
      </c>
      <c r="M44" s="92">
        <v>0.10394207459781454</v>
      </c>
      <c r="N44" s="166">
        <v>0.24522263666683761</v>
      </c>
      <c r="O44" s="92">
        <v>9.1548241853661561E-2</v>
      </c>
      <c r="P44" s="166">
        <v>0.26394998641525552</v>
      </c>
      <c r="Q44" s="92">
        <v>9.3543469475430033E-2</v>
      </c>
      <c r="R44" s="91">
        <v>5.8695300657053903E-2</v>
      </c>
      <c r="S44" s="92">
        <v>5.6254814472667891E-2</v>
      </c>
      <c r="T44" s="163">
        <v>87</v>
      </c>
      <c r="U44" s="166">
        <v>0.34789624539900044</v>
      </c>
      <c r="V44" s="92">
        <v>0.1002970624069215</v>
      </c>
      <c r="W44" s="166">
        <v>0.17572701299368407</v>
      </c>
      <c r="X44" s="92">
        <v>8.2245432069846594E-2</v>
      </c>
      <c r="Y44" s="166">
        <v>0.39898946216612674</v>
      </c>
      <c r="Z44" s="92">
        <v>0.10285466878952883</v>
      </c>
      <c r="AA44" s="91">
        <v>7.7387279441188853E-2</v>
      </c>
      <c r="AB44" s="92">
        <v>6.1752657349653337E-2</v>
      </c>
      <c r="AC44" s="163">
        <v>88</v>
      </c>
      <c r="AD44" s="166">
        <v>0.20900135795277919</v>
      </c>
      <c r="AE44" s="92">
        <v>8.6608366602891992E-2</v>
      </c>
      <c r="AF44" s="166">
        <v>0.20163789093347295</v>
      </c>
      <c r="AG44" s="92">
        <v>8.5605931644535782E-2</v>
      </c>
      <c r="AH44" s="166">
        <v>0.54627034104198424</v>
      </c>
      <c r="AI44" s="92">
        <v>0.1038479610796811</v>
      </c>
      <c r="AJ44" s="91">
        <v>4.3090410071763438E-2</v>
      </c>
      <c r="AK44" s="92">
        <v>5.0644790662150864E-2</v>
      </c>
    </row>
    <row r="45" spans="1:45">
      <c r="A45" s="40" t="s">
        <v>538</v>
      </c>
      <c r="B45" s="161">
        <v>88</v>
      </c>
      <c r="C45" s="165">
        <v>0.53972852646796587</v>
      </c>
      <c r="D45" s="89">
        <v>0.10395565711378735</v>
      </c>
      <c r="E45" s="165">
        <v>9.9397425304014617E-2</v>
      </c>
      <c r="F45" s="89">
        <v>6.6974752225107764E-2</v>
      </c>
      <c r="G45" s="165">
        <v>0.29323535605722506</v>
      </c>
      <c r="H45" s="89">
        <v>9.5754463649136964E-2</v>
      </c>
      <c r="I45" s="88">
        <v>6.7638692170794629E-2</v>
      </c>
      <c r="J45" s="89">
        <v>5.8594276772607888E-2</v>
      </c>
      <c r="K45" s="161">
        <v>89</v>
      </c>
      <c r="L45" s="165">
        <v>0.52489874333406339</v>
      </c>
      <c r="M45" s="89">
        <v>0.10357735347083923</v>
      </c>
      <c r="N45" s="165">
        <v>0.16698929602220722</v>
      </c>
      <c r="O45" s="89">
        <v>7.9902675607751772E-2</v>
      </c>
      <c r="P45" s="165">
        <v>0.24819507010800898</v>
      </c>
      <c r="Q45" s="89">
        <v>9.0857619247878274E-2</v>
      </c>
      <c r="R45" s="88">
        <v>5.9916890535720607E-2</v>
      </c>
      <c r="S45" s="89">
        <v>5.58910735314311E-2</v>
      </c>
      <c r="T45" s="161">
        <v>89</v>
      </c>
      <c r="U45" s="165">
        <v>0.34531378121218209</v>
      </c>
      <c r="V45" s="89">
        <v>9.9046251099907542E-2</v>
      </c>
      <c r="W45" s="165">
        <v>0.17625348873661553</v>
      </c>
      <c r="X45" s="89">
        <v>8.1388586451989431E-2</v>
      </c>
      <c r="Y45" s="165">
        <v>0.42288223339997344</v>
      </c>
      <c r="Z45" s="89">
        <v>0.10255938349744438</v>
      </c>
      <c r="AA45" s="88">
        <v>5.5550496651228888E-2</v>
      </c>
      <c r="AB45" s="89">
        <v>5.4513095012034926E-2</v>
      </c>
      <c r="AC45" s="161">
        <v>88</v>
      </c>
      <c r="AD45" s="165">
        <v>0.21728688138895871</v>
      </c>
      <c r="AE45" s="89">
        <v>8.7693227851568176E-2</v>
      </c>
      <c r="AF45" s="165">
        <v>0.20267241342325748</v>
      </c>
      <c r="AG45" s="89">
        <v>8.5748993971526716E-2</v>
      </c>
      <c r="AH45" s="165">
        <v>0.54432477493934761</v>
      </c>
      <c r="AI45" s="89">
        <v>0.10388171421244545</v>
      </c>
      <c r="AJ45" s="88">
        <v>3.5715930248436438E-2</v>
      </c>
      <c r="AK45" s="89">
        <v>4.790259085296826E-2</v>
      </c>
    </row>
    <row r="46" spans="1:45">
      <c r="A46" s="44" t="s">
        <v>539</v>
      </c>
      <c r="B46" s="163">
        <v>99</v>
      </c>
      <c r="C46" s="166">
        <v>0.29338090478245482</v>
      </c>
      <c r="D46" s="92">
        <v>9.0427250177824062E-2</v>
      </c>
      <c r="E46" s="166">
        <v>0.25386237400053951</v>
      </c>
      <c r="F46" s="92">
        <v>8.6805313247043922E-2</v>
      </c>
      <c r="G46" s="166">
        <v>0.38321711578907086</v>
      </c>
      <c r="H46" s="92">
        <v>9.601789281656356E-2</v>
      </c>
      <c r="I46" s="91">
        <v>6.9539605427935608E-2</v>
      </c>
      <c r="J46" s="92">
        <v>5.5324752709281423E-2</v>
      </c>
      <c r="K46" s="163">
        <v>100</v>
      </c>
      <c r="L46" s="166">
        <v>0.42830063754076958</v>
      </c>
      <c r="M46" s="92">
        <v>9.7121462956227825E-2</v>
      </c>
      <c r="N46" s="166">
        <v>0.18190313876456812</v>
      </c>
      <c r="O46" s="92">
        <v>7.7570864057089725E-2</v>
      </c>
      <c r="P46" s="166">
        <v>0.35238279344194046</v>
      </c>
      <c r="Q46" s="92">
        <v>9.4023962533775693E-2</v>
      </c>
      <c r="R46" s="91">
        <v>3.741343025272266E-2</v>
      </c>
      <c r="S46" s="92">
        <v>4.4789080454681239E-2</v>
      </c>
      <c r="T46" s="163">
        <v>100</v>
      </c>
      <c r="U46" s="166">
        <v>0.29132001829122456</v>
      </c>
      <c r="V46" s="92">
        <v>8.9815631901766502E-2</v>
      </c>
      <c r="W46" s="166">
        <v>0.21872577472824339</v>
      </c>
      <c r="X46" s="92">
        <v>8.2474602086915802E-2</v>
      </c>
      <c r="Y46" s="166">
        <v>0.3997917050331356</v>
      </c>
      <c r="Z46" s="92">
        <v>9.6220076602295576E-2</v>
      </c>
      <c r="AA46" s="91">
        <v>9.0162501947397083E-2</v>
      </c>
      <c r="AB46" s="92">
        <v>6.0353215059617979E-2</v>
      </c>
      <c r="AC46" s="163">
        <v>100</v>
      </c>
      <c r="AD46" s="166">
        <v>0.15329104756124523</v>
      </c>
      <c r="AE46" s="92">
        <v>7.3081035362635244E-2</v>
      </c>
      <c r="AF46" s="166">
        <v>0.19244072029234757</v>
      </c>
      <c r="AG46" s="92">
        <v>7.9067576202339659E-2</v>
      </c>
      <c r="AH46" s="166">
        <v>0.60823624389854514</v>
      </c>
      <c r="AI46" s="92">
        <v>9.5910363971487542E-2</v>
      </c>
      <c r="AJ46" s="91">
        <v>4.6031988247862608E-2</v>
      </c>
      <c r="AK46" s="92">
        <v>4.782219660488523E-2</v>
      </c>
    </row>
    <row r="47" spans="1:45">
      <c r="A47" s="40" t="s">
        <v>540</v>
      </c>
      <c r="B47" s="161">
        <v>114</v>
      </c>
      <c r="C47" s="165">
        <v>0.32233135817877839</v>
      </c>
      <c r="D47" s="89">
        <v>8.6463014317598591E-2</v>
      </c>
      <c r="E47" s="165">
        <v>0.24947246771135487</v>
      </c>
      <c r="F47" s="89">
        <v>8.0552966712701429E-2</v>
      </c>
      <c r="G47" s="165">
        <v>0.37889167744858865</v>
      </c>
      <c r="H47" s="89">
        <v>8.9501502375594608E-2</v>
      </c>
      <c r="I47" s="88">
        <v>4.9304496661278181E-2</v>
      </c>
      <c r="J47" s="89">
        <v>4.5253124445264629E-2</v>
      </c>
      <c r="K47" s="161">
        <v>114</v>
      </c>
      <c r="L47" s="165">
        <v>0.43005933336563906</v>
      </c>
      <c r="M47" s="89">
        <v>9.1212979040447728E-2</v>
      </c>
      <c r="N47" s="165">
        <v>0.26363592187884882</v>
      </c>
      <c r="O47" s="89">
        <v>8.1896065682707186E-2</v>
      </c>
      <c r="P47" s="165">
        <v>0.27918850916159227</v>
      </c>
      <c r="Q47" s="89">
        <v>8.3258198766695879E-2</v>
      </c>
      <c r="R47" s="88">
        <v>2.7116235593919888E-2</v>
      </c>
      <c r="S47" s="89">
        <v>3.7409597099925328E-2</v>
      </c>
      <c r="T47" s="161">
        <v>114</v>
      </c>
      <c r="U47" s="165">
        <v>0.35949046403424562</v>
      </c>
      <c r="V47" s="89">
        <v>8.859982161428466E-2</v>
      </c>
      <c r="W47" s="165">
        <v>0.16289627404718121</v>
      </c>
      <c r="X47" s="89">
        <v>6.9850889544589206E-2</v>
      </c>
      <c r="Y47" s="165">
        <v>0.4319738892515238</v>
      </c>
      <c r="Z47" s="89">
        <v>9.1258779578763452E-2</v>
      </c>
      <c r="AA47" s="88">
        <v>4.5639372667049448E-2</v>
      </c>
      <c r="AB47" s="89">
        <v>4.4078270875390173E-2</v>
      </c>
      <c r="AC47" s="161">
        <v>114</v>
      </c>
      <c r="AD47" s="165">
        <v>0.15722433230749672</v>
      </c>
      <c r="AE47" s="89">
        <v>6.8972016427430588E-2</v>
      </c>
      <c r="AF47" s="165">
        <v>0.23726174467855862</v>
      </c>
      <c r="AG47" s="89">
        <v>7.9312593278540969E-2</v>
      </c>
      <c r="AH47" s="165">
        <v>0.58223879441382054</v>
      </c>
      <c r="AI47" s="89">
        <v>9.0887811726754947E-2</v>
      </c>
      <c r="AJ47" s="88">
        <v>2.3275128600124231E-2</v>
      </c>
      <c r="AK47" s="89">
        <v>3.5833963314137351E-2</v>
      </c>
    </row>
    <row r="48" spans="1:45">
      <c r="A48" s="44" t="s">
        <v>541</v>
      </c>
      <c r="B48" s="163">
        <v>112</v>
      </c>
      <c r="C48" s="166">
        <v>0.34042066177802033</v>
      </c>
      <c r="D48" s="92">
        <v>8.8329399289472477E-2</v>
      </c>
      <c r="E48" s="166">
        <v>0.20990100658117228</v>
      </c>
      <c r="F48" s="92">
        <v>7.691160760496013E-2</v>
      </c>
      <c r="G48" s="166">
        <v>0.43431737824991223</v>
      </c>
      <c r="H48" s="92">
        <v>9.2097810608963923E-2</v>
      </c>
      <c r="I48" s="91">
        <v>1.5360953390895122E-2</v>
      </c>
      <c r="J48" s="92">
        <v>3.271822760892993E-2</v>
      </c>
      <c r="K48" s="163">
        <v>111</v>
      </c>
      <c r="L48" s="166">
        <v>0.3447934422863968</v>
      </c>
      <c r="M48" s="92">
        <v>8.8966538416564642E-2</v>
      </c>
      <c r="N48" s="166">
        <v>0.20723879322936628</v>
      </c>
      <c r="O48" s="92">
        <v>7.6930133454579191E-2</v>
      </c>
      <c r="P48" s="166">
        <v>0.38851570700300447</v>
      </c>
      <c r="Q48" s="92">
        <v>9.1065351454697699E-2</v>
      </c>
      <c r="R48" s="91">
        <v>5.9452057481232418E-2</v>
      </c>
      <c r="S48" s="92">
        <v>4.9055104466772415E-2</v>
      </c>
      <c r="T48" s="163">
        <v>112</v>
      </c>
      <c r="U48" s="166">
        <v>0.30733744720776496</v>
      </c>
      <c r="V48" s="92">
        <v>8.6182830017402207E-2</v>
      </c>
      <c r="W48" s="166">
        <v>0.16638677891845041</v>
      </c>
      <c r="X48" s="92">
        <v>7.1013740283408275E-2</v>
      </c>
      <c r="Y48" s="166">
        <v>0.40837586854750507</v>
      </c>
      <c r="Z48" s="92">
        <v>9.1382862769862711E-2</v>
      </c>
      <c r="AA48" s="91">
        <v>0.11789990532627957</v>
      </c>
      <c r="AB48" s="92">
        <v>6.2669057702368483E-2</v>
      </c>
      <c r="AC48" s="163">
        <v>111</v>
      </c>
      <c r="AD48" s="166">
        <v>0.22991440088131485</v>
      </c>
      <c r="AE48" s="92">
        <v>7.9572780363951878E-2</v>
      </c>
      <c r="AF48" s="166">
        <v>0.26582172206437621</v>
      </c>
      <c r="AG48" s="92">
        <v>8.3177987699159212E-2</v>
      </c>
      <c r="AH48" s="166">
        <v>0.46800332725453481</v>
      </c>
      <c r="AI48" s="92">
        <v>9.3072425149994101E-2</v>
      </c>
      <c r="AJ48" s="91">
        <v>3.6260549799774479E-2</v>
      </c>
      <c r="AK48" s="92">
        <v>4.1554925754957908E-2</v>
      </c>
    </row>
    <row r="49" spans="1:37">
      <c r="A49" s="40" t="s">
        <v>542</v>
      </c>
      <c r="B49" s="161">
        <v>170</v>
      </c>
      <c r="C49" s="165">
        <v>0.4338288404526815</v>
      </c>
      <c r="D49" s="89">
        <v>7.5173420901713014E-2</v>
      </c>
      <c r="E49" s="165">
        <v>0.16219337455674027</v>
      </c>
      <c r="F49" s="89">
        <v>5.6947842124223887E-2</v>
      </c>
      <c r="G49" s="165">
        <v>0.38709307413518707</v>
      </c>
      <c r="H49" s="89">
        <v>7.3941791784490576E-2</v>
      </c>
      <c r="I49" s="88">
        <v>1.6884710855390405E-2</v>
      </c>
      <c r="J49" s="89">
        <v>2.5009112841370962E-2</v>
      </c>
      <c r="K49" s="161">
        <v>171</v>
      </c>
      <c r="L49" s="165">
        <v>0.48403234339508394</v>
      </c>
      <c r="M49" s="89">
        <v>7.5556080413650556E-2</v>
      </c>
      <c r="N49" s="165">
        <v>0.19909935921627236</v>
      </c>
      <c r="O49" s="89">
        <v>6.1141620578802548E-2</v>
      </c>
      <c r="P49" s="165">
        <v>0.2892139983071324</v>
      </c>
      <c r="Q49" s="89">
        <v>6.8881209242921987E-2</v>
      </c>
      <c r="R49" s="88">
        <v>2.7654299081511104E-2</v>
      </c>
      <c r="S49" s="89">
        <v>2.9070283446098622E-2</v>
      </c>
      <c r="T49" s="161">
        <v>170</v>
      </c>
      <c r="U49" s="165">
        <v>0.35439328800714159</v>
      </c>
      <c r="V49" s="89">
        <v>7.2676618671830506E-2</v>
      </c>
      <c r="W49" s="165">
        <v>0.1607941285954069</v>
      </c>
      <c r="X49" s="89">
        <v>5.6765035812917496E-2</v>
      </c>
      <c r="Y49" s="165">
        <v>0.44379137212201308</v>
      </c>
      <c r="Z49" s="89">
        <v>7.53511596318691E-2</v>
      </c>
      <c r="AA49" s="88">
        <v>4.1021211275437973E-2</v>
      </c>
      <c r="AB49" s="89">
        <v>3.3532530243113194E-2</v>
      </c>
      <c r="AC49" s="161">
        <v>171</v>
      </c>
      <c r="AD49" s="165">
        <v>0.36373139853281955</v>
      </c>
      <c r="AE49" s="89">
        <v>7.2863087487908776E-2</v>
      </c>
      <c r="AF49" s="165">
        <v>0.17871924249320592</v>
      </c>
      <c r="AG49" s="89">
        <v>5.8835059738087316E-2</v>
      </c>
      <c r="AH49" s="165">
        <v>0.4445177599124443</v>
      </c>
      <c r="AI49" s="89">
        <v>7.514722070561157E-2</v>
      </c>
      <c r="AJ49" s="88">
        <v>1.3031599061529699E-2</v>
      </c>
      <c r="AK49" s="89">
        <v>2.3215014042253988E-2</v>
      </c>
    </row>
    <row r="50" spans="1:37">
      <c r="A50" s="44" t="s">
        <v>547</v>
      </c>
      <c r="B50" s="163">
        <v>72</v>
      </c>
      <c r="C50" s="166">
        <v>0.45823240009987404</v>
      </c>
      <c r="D50" s="92">
        <v>0.11434809967548053</v>
      </c>
      <c r="E50" s="166">
        <v>0.17986273652529261</v>
      </c>
      <c r="F50" s="92">
        <v>9.1195691611160867E-2</v>
      </c>
      <c r="G50" s="166">
        <v>0.33920617327662939</v>
      </c>
      <c r="H50" s="92">
        <v>0.10925471646974781</v>
      </c>
      <c r="I50" s="91">
        <v>2.2698690098204244E-2</v>
      </c>
      <c r="J50" s="92">
        <v>4.8953832860874909E-2</v>
      </c>
      <c r="K50" s="163">
        <v>72</v>
      </c>
      <c r="L50" s="166">
        <v>0.53511797276648176</v>
      </c>
      <c r="M50" s="92">
        <v>0.11445365180747287</v>
      </c>
      <c r="N50" s="166">
        <v>0.20234028749731986</v>
      </c>
      <c r="O50" s="92">
        <v>9.4723896744896049E-2</v>
      </c>
      <c r="P50" s="166">
        <v>0.22628801197318038</v>
      </c>
      <c r="Q50" s="92">
        <v>9.8076326253392812E-2</v>
      </c>
      <c r="R50" s="91">
        <v>3.6253727763018218E-2</v>
      </c>
      <c r="S50" s="92">
        <v>5.4763423089367921E-2</v>
      </c>
      <c r="T50" s="163">
        <v>71</v>
      </c>
      <c r="U50" s="166">
        <v>0.41272509116653316</v>
      </c>
      <c r="V50" s="92">
        <v>0.11388272207983427</v>
      </c>
      <c r="W50" s="166">
        <v>0.21074911349014971</v>
      </c>
      <c r="X50" s="92">
        <v>9.6614787693637752E-2</v>
      </c>
      <c r="Y50" s="166">
        <v>0.34040458614801222</v>
      </c>
      <c r="Z50" s="92">
        <v>0.11007239512258145</v>
      </c>
      <c r="AA50" s="91">
        <v>3.6121209195304933E-2</v>
      </c>
      <c r="AB50" s="92">
        <v>5.5212220858510498E-2</v>
      </c>
      <c r="AC50" s="163">
        <v>72</v>
      </c>
      <c r="AD50" s="166">
        <v>0.4371217733716477</v>
      </c>
      <c r="AE50" s="92">
        <v>0.11389088789227639</v>
      </c>
      <c r="AF50" s="166">
        <v>0.15881997670240522</v>
      </c>
      <c r="AG50" s="92">
        <v>8.7517449668345002E-2</v>
      </c>
      <c r="AH50" s="166">
        <v>0.37627796625248261</v>
      </c>
      <c r="AI50" s="92">
        <v>0.11151156050000777</v>
      </c>
      <c r="AJ50" s="91">
        <v>2.7780283673464724E-2</v>
      </c>
      <c r="AK50" s="92">
        <v>5.1228908342984866E-2</v>
      </c>
    </row>
    <row r="51" spans="1:37">
      <c r="A51" s="52" t="s">
        <v>548</v>
      </c>
      <c r="B51" s="161">
        <v>122</v>
      </c>
      <c r="C51" s="165">
        <v>0.22677070234233082</v>
      </c>
      <c r="D51" s="89">
        <v>7.5595092199549574E-2</v>
      </c>
      <c r="E51" s="165">
        <v>0.2103731468260375</v>
      </c>
      <c r="F51" s="89">
        <v>7.3755860058892828E-2</v>
      </c>
      <c r="G51" s="165">
        <v>0.48535874150381475</v>
      </c>
      <c r="H51" s="89">
        <v>8.9051265434385227E-2</v>
      </c>
      <c r="I51" s="88">
        <v>7.7497409327816597E-2</v>
      </c>
      <c r="J51" s="89">
        <v>5.122174864878417E-2</v>
      </c>
      <c r="K51" s="161">
        <v>123</v>
      </c>
      <c r="L51" s="165">
        <v>0.30832170649991619</v>
      </c>
      <c r="M51" s="89">
        <v>8.2392827373987343E-2</v>
      </c>
      <c r="N51" s="165">
        <v>0.19871130818250415</v>
      </c>
      <c r="O51" s="89">
        <v>7.20571028458733E-2</v>
      </c>
      <c r="P51" s="165">
        <v>0.41135643493942398</v>
      </c>
      <c r="Q51" s="89">
        <v>8.7417812129078717E-2</v>
      </c>
      <c r="R51" s="88">
        <v>8.1610550378155275E-2</v>
      </c>
      <c r="S51" s="89">
        <v>5.1985271538549781E-2</v>
      </c>
      <c r="T51" s="161">
        <v>122</v>
      </c>
      <c r="U51" s="165">
        <v>0.23698422031040922</v>
      </c>
      <c r="V51" s="89">
        <v>7.6665671125927412E-2</v>
      </c>
      <c r="W51" s="165">
        <v>0.18759378250314504</v>
      </c>
      <c r="X51" s="89">
        <v>7.093495146538796E-2</v>
      </c>
      <c r="Y51" s="165">
        <v>0.49360657799369212</v>
      </c>
      <c r="Z51" s="89">
        <v>8.9080252430431342E-2</v>
      </c>
      <c r="AA51" s="88">
        <v>8.1815419192753189E-2</v>
      </c>
      <c r="AB51" s="89">
        <v>5.2265743139141299E-2</v>
      </c>
      <c r="AC51" s="161">
        <v>121</v>
      </c>
      <c r="AD51" s="165">
        <v>0.19696166378491903</v>
      </c>
      <c r="AE51" s="89">
        <v>7.2432256571890757E-2</v>
      </c>
      <c r="AF51" s="165">
        <v>0.21279760175823964</v>
      </c>
      <c r="AG51" s="89">
        <v>7.4341777542370133E-2</v>
      </c>
      <c r="AH51" s="165">
        <v>0.55531057717281695</v>
      </c>
      <c r="AI51" s="89">
        <v>8.8928447643213754E-2</v>
      </c>
      <c r="AJ51" s="88">
        <v>3.4930157284024051E-2</v>
      </c>
      <c r="AK51" s="89">
        <v>3.8917807884483631E-2</v>
      </c>
    </row>
    <row r="52" spans="1:37" ht="29.25" customHeight="1">
      <c r="A52" s="44" t="s">
        <v>549</v>
      </c>
      <c r="B52" s="163">
        <v>101</v>
      </c>
      <c r="C52" s="166">
        <v>0.41015859272219229</v>
      </c>
      <c r="D52" s="92">
        <v>9.6121307803888403E-2</v>
      </c>
      <c r="E52" s="166">
        <v>0.16438677658065157</v>
      </c>
      <c r="F52" s="92">
        <v>7.4522507864939663E-2</v>
      </c>
      <c r="G52" s="166">
        <v>0.37468246765884844</v>
      </c>
      <c r="H52" s="92">
        <v>9.4711442886424649E-2</v>
      </c>
      <c r="I52" s="91">
        <v>5.0772163038308775E-2</v>
      </c>
      <c r="J52" s="92">
        <v>4.9097434383681929E-2</v>
      </c>
      <c r="K52" s="163">
        <v>99</v>
      </c>
      <c r="L52" s="166">
        <v>0.41907249821800008</v>
      </c>
      <c r="M52" s="92">
        <v>9.7333286415836731E-2</v>
      </c>
      <c r="N52" s="166">
        <v>0.16721210777239329</v>
      </c>
      <c r="O52" s="92">
        <v>7.5732529736510276E-2</v>
      </c>
      <c r="P52" s="166">
        <v>0.37657591780073035</v>
      </c>
      <c r="Q52" s="92">
        <v>9.5719392938927131E-2</v>
      </c>
      <c r="R52" s="91">
        <v>3.7139476208877406E-2</v>
      </c>
      <c r="S52" s="92">
        <v>4.4971196131500323E-2</v>
      </c>
      <c r="T52" s="163">
        <v>101</v>
      </c>
      <c r="U52" s="166">
        <v>0.31856576220859728</v>
      </c>
      <c r="V52" s="92">
        <v>9.1452180977723396E-2</v>
      </c>
      <c r="W52" s="166">
        <v>0.12270689199236941</v>
      </c>
      <c r="X52" s="92">
        <v>6.712860339310267E-2</v>
      </c>
      <c r="Y52" s="166">
        <v>0.47380907733558819</v>
      </c>
      <c r="Z52" s="92">
        <v>9.7466048598644411E-2</v>
      </c>
      <c r="AA52" s="91">
        <v>8.49182684634463E-2</v>
      </c>
      <c r="AB52" s="92">
        <v>5.8743734161795687E-2</v>
      </c>
      <c r="AC52" s="163">
        <v>99</v>
      </c>
      <c r="AD52" s="166">
        <v>0.25823097260227845</v>
      </c>
      <c r="AE52" s="92">
        <v>8.7244676354954143E-2</v>
      </c>
      <c r="AF52" s="166">
        <v>0.12399782591574673</v>
      </c>
      <c r="AG52" s="92">
        <v>6.8091866298793657E-2</v>
      </c>
      <c r="AH52" s="166">
        <v>0.53465664071329644</v>
      </c>
      <c r="AI52" s="92">
        <v>9.8314019152148616E-2</v>
      </c>
      <c r="AJ52" s="91">
        <v>8.3114560768679235E-2</v>
      </c>
      <c r="AK52" s="92">
        <v>5.8936511911332305E-2</v>
      </c>
    </row>
    <row r="53" spans="1:37">
      <c r="A53" s="52" t="s">
        <v>550</v>
      </c>
      <c r="B53" s="161">
        <v>132</v>
      </c>
      <c r="C53" s="165">
        <v>0.34116518676097968</v>
      </c>
      <c r="D53" s="89">
        <v>8.1571640730754361E-2</v>
      </c>
      <c r="E53" s="165">
        <v>0.20857845487206181</v>
      </c>
      <c r="F53" s="89">
        <v>7.0709782720022485E-2</v>
      </c>
      <c r="G53" s="165">
        <v>0.36013630925819407</v>
      </c>
      <c r="H53" s="89">
        <v>8.2528412784815375E-2</v>
      </c>
      <c r="I53" s="88">
        <v>9.0120049108764477E-2</v>
      </c>
      <c r="J53" s="89">
        <v>5.1943278258953438E-2</v>
      </c>
      <c r="K53" s="161">
        <v>132</v>
      </c>
      <c r="L53" s="165">
        <v>0.33660753129534365</v>
      </c>
      <c r="M53" s="89">
        <v>8.1321841428445146E-2</v>
      </c>
      <c r="N53" s="165">
        <v>0.16104179258649431</v>
      </c>
      <c r="O53" s="89">
        <v>6.4572425741066794E-2</v>
      </c>
      <c r="P53" s="165">
        <v>0.34193621240365152</v>
      </c>
      <c r="Q53" s="89">
        <v>8.1613126644076286E-2</v>
      </c>
      <c r="R53" s="88">
        <v>0.16041446371451051</v>
      </c>
      <c r="S53" s="89">
        <v>6.4481036600241723E-2</v>
      </c>
      <c r="T53" s="161">
        <v>131</v>
      </c>
      <c r="U53" s="165">
        <v>0.41201372246617729</v>
      </c>
      <c r="V53" s="89">
        <v>8.480223251902437E-2</v>
      </c>
      <c r="W53" s="165">
        <v>0.16129489934085239</v>
      </c>
      <c r="X53" s="89">
        <v>6.4859147552204371E-2</v>
      </c>
      <c r="Y53" s="165">
        <v>0.2986345692919703</v>
      </c>
      <c r="Z53" s="89">
        <v>7.9221996983893414E-2</v>
      </c>
      <c r="AA53" s="88">
        <v>0.12805680890099996</v>
      </c>
      <c r="AB53" s="89">
        <v>5.9562563235791136E-2</v>
      </c>
      <c r="AC53" s="161">
        <v>132</v>
      </c>
      <c r="AD53" s="165">
        <v>0.18812843796604026</v>
      </c>
      <c r="AE53" s="89">
        <v>6.8249842638509903E-2</v>
      </c>
      <c r="AF53" s="165">
        <v>0.19684440251610572</v>
      </c>
      <c r="AG53" s="89">
        <v>6.9329405526868393E-2</v>
      </c>
      <c r="AH53" s="165">
        <v>0.55668132828299544</v>
      </c>
      <c r="AI53" s="89">
        <v>8.5228660336618745E-2</v>
      </c>
      <c r="AJ53" s="88">
        <v>5.8345831234858835E-2</v>
      </c>
      <c r="AK53" s="89">
        <v>4.4141111749082348E-2</v>
      </c>
    </row>
    <row r="54" spans="1:37">
      <c r="A54" s="44" t="s">
        <v>551</v>
      </c>
      <c r="B54" s="163">
        <v>124</v>
      </c>
      <c r="C54" s="166">
        <v>0.31452973071084683</v>
      </c>
      <c r="D54" s="92">
        <v>8.2484304855557036E-2</v>
      </c>
      <c r="E54" s="166">
        <v>0.13295178424677345</v>
      </c>
      <c r="F54" s="92">
        <v>6.2140042209516445E-2</v>
      </c>
      <c r="G54" s="166">
        <v>0.46558082651481814</v>
      </c>
      <c r="H54" s="92">
        <v>8.8191589389943759E-2</v>
      </c>
      <c r="I54" s="91">
        <v>8.6937658527561384E-2</v>
      </c>
      <c r="J54" s="92">
        <v>5.2996657205520603E-2</v>
      </c>
      <c r="K54" s="163">
        <v>124</v>
      </c>
      <c r="L54" s="166">
        <v>0.31202229151972644</v>
      </c>
      <c r="M54" s="92">
        <v>8.2317667805605912E-2</v>
      </c>
      <c r="N54" s="166">
        <v>0.17099790410004176</v>
      </c>
      <c r="O54" s="92">
        <v>6.8103107523456829E-2</v>
      </c>
      <c r="P54" s="166">
        <v>0.42511943070416558</v>
      </c>
      <c r="Q54" s="92">
        <v>8.7453178256156949E-2</v>
      </c>
      <c r="R54" s="91">
        <v>9.1860373676066059E-2</v>
      </c>
      <c r="S54" s="92">
        <v>5.4103631405786931E-2</v>
      </c>
      <c r="T54" s="163">
        <v>122</v>
      </c>
      <c r="U54" s="166">
        <v>0.31598368557818446</v>
      </c>
      <c r="V54" s="92">
        <v>8.3238772644634501E-2</v>
      </c>
      <c r="W54" s="166">
        <v>0.137097119369262</v>
      </c>
      <c r="X54" s="92">
        <v>6.3378575736836293E-2</v>
      </c>
      <c r="Y54" s="166">
        <v>0.39845979884031252</v>
      </c>
      <c r="Z54" s="92">
        <v>8.7347840664962789E-2</v>
      </c>
      <c r="AA54" s="91">
        <v>0.14845939621224052</v>
      </c>
      <c r="AB54" s="92">
        <v>6.525677185897702E-2</v>
      </c>
      <c r="AC54" s="163">
        <v>123</v>
      </c>
      <c r="AD54" s="166">
        <v>0.16754090714901398</v>
      </c>
      <c r="AE54" s="92">
        <v>6.7886836428443328E-2</v>
      </c>
      <c r="AF54" s="166">
        <v>0.23118212332805246</v>
      </c>
      <c r="AG54" s="92">
        <v>7.5757022967591833E-2</v>
      </c>
      <c r="AH54" s="166">
        <v>0.53857424606681281</v>
      </c>
      <c r="AI54" s="92">
        <v>8.8487604366553702E-2</v>
      </c>
      <c r="AJ54" s="91">
        <v>6.2702723456120629E-2</v>
      </c>
      <c r="AK54" s="92">
        <v>4.7164416034233207E-2</v>
      </c>
    </row>
    <row r="55" spans="1:37">
      <c r="A55" s="52" t="s">
        <v>543</v>
      </c>
      <c r="B55" s="161">
        <v>166</v>
      </c>
      <c r="C55" s="165">
        <v>0.18928959136613574</v>
      </c>
      <c r="D55" s="89">
        <v>6.09626110280658E-2</v>
      </c>
      <c r="E55" s="165">
        <v>0.24625442665138128</v>
      </c>
      <c r="F55" s="89">
        <v>6.6616992203867118E-2</v>
      </c>
      <c r="G55" s="165">
        <v>0.49540131040209184</v>
      </c>
      <c r="H55" s="89">
        <v>7.6693405735892756E-2</v>
      </c>
      <c r="I55" s="88">
        <v>6.9054671580390733E-2</v>
      </c>
      <c r="J55" s="89">
        <v>4.142258067462512E-2</v>
      </c>
      <c r="K55" s="161">
        <v>168</v>
      </c>
      <c r="L55" s="165">
        <v>0.25103386243986864</v>
      </c>
      <c r="M55" s="89">
        <v>6.6623782756039945E-2</v>
      </c>
      <c r="N55" s="165">
        <v>0.22934596096295023</v>
      </c>
      <c r="O55" s="89">
        <v>6.4720134135822838E-2</v>
      </c>
      <c r="P55" s="165">
        <v>0.43632305769576446</v>
      </c>
      <c r="Q55" s="89">
        <v>7.565706706057472E-2</v>
      </c>
      <c r="R55" s="88">
        <v>8.3297118901415945E-2</v>
      </c>
      <c r="S55" s="89">
        <v>4.42879418430428E-2</v>
      </c>
      <c r="T55" s="161">
        <v>168</v>
      </c>
      <c r="U55" s="165">
        <v>0.21109969712338855</v>
      </c>
      <c r="V55" s="89">
        <v>6.2945804145917272E-2</v>
      </c>
      <c r="W55" s="165">
        <v>0.21638818571782908</v>
      </c>
      <c r="X55" s="89">
        <v>6.3477157600610346E-2</v>
      </c>
      <c r="Y55" s="165">
        <v>0.52403854286892926</v>
      </c>
      <c r="Z55" s="89">
        <v>7.6165168250901291E-2</v>
      </c>
      <c r="AA55" s="88">
        <v>4.8473574289852162E-2</v>
      </c>
      <c r="AB55" s="89">
        <v>3.5925062150345945E-2</v>
      </c>
      <c r="AC55" s="161">
        <v>167</v>
      </c>
      <c r="AD55" s="165">
        <v>0.12956086202180392</v>
      </c>
      <c r="AE55" s="89">
        <v>5.2786594281623675E-2</v>
      </c>
      <c r="AF55" s="165">
        <v>0.17271750397989918</v>
      </c>
      <c r="AG55" s="89">
        <v>5.8806597676464033E-2</v>
      </c>
      <c r="AH55" s="165">
        <v>0.6437451723283294</v>
      </c>
      <c r="AI55" s="89">
        <v>7.3395937253508542E-2</v>
      </c>
      <c r="AJ55" s="88">
        <v>5.3976461669967044E-2</v>
      </c>
      <c r="AK55" s="89">
        <v>3.7544871718803864E-2</v>
      </c>
    </row>
    <row r="56" spans="1:37">
      <c r="A56" s="44" t="s">
        <v>544</v>
      </c>
      <c r="B56" s="163">
        <v>48</v>
      </c>
      <c r="C56" s="166">
        <v>7.045655095086914E-2</v>
      </c>
      <c r="D56" s="92">
        <v>8.4483246082981661E-2</v>
      </c>
      <c r="E56" s="166">
        <v>0.25950442630007181</v>
      </c>
      <c r="F56" s="92">
        <v>0.12425711992767451</v>
      </c>
      <c r="G56" s="166">
        <v>0.63423409450136614</v>
      </c>
      <c r="H56" s="92">
        <v>0.13434934647210844</v>
      </c>
      <c r="I56" s="91">
        <v>3.5804928247693081E-2</v>
      </c>
      <c r="J56" s="92">
        <v>7.1467174165088479E-2</v>
      </c>
      <c r="K56" s="163">
        <v>49</v>
      </c>
      <c r="L56" s="166">
        <v>0.21769896317350118</v>
      </c>
      <c r="M56" s="92">
        <v>0.11716186330336539</v>
      </c>
      <c r="N56" s="166">
        <v>0.21040723672327311</v>
      </c>
      <c r="O56" s="92">
        <v>0.11600815079902531</v>
      </c>
      <c r="P56" s="166">
        <v>0.55071072477969574</v>
      </c>
      <c r="Q56" s="92">
        <v>0.13675537653605571</v>
      </c>
      <c r="R56" s="91">
        <v>2.1183075323530174E-2</v>
      </c>
      <c r="S56" s="92">
        <v>6.3859867924184757E-2</v>
      </c>
      <c r="T56" s="163">
        <v>49</v>
      </c>
      <c r="U56" s="166">
        <v>0.18680966171175384</v>
      </c>
      <c r="V56" s="92">
        <v>0.11198344491692562</v>
      </c>
      <c r="W56" s="166">
        <v>9.32477071538486E-2</v>
      </c>
      <c r="X56" s="92">
        <v>9.0526086774941797E-2</v>
      </c>
      <c r="Y56" s="166">
        <v>0.67141306789370991</v>
      </c>
      <c r="Z56" s="92">
        <v>0.13027844887790616</v>
      </c>
      <c r="AA56" s="91">
        <v>4.8529563240687919E-2</v>
      </c>
      <c r="AB56" s="92">
        <v>7.5625482659094065E-2</v>
      </c>
      <c r="AC56" s="163">
        <v>48</v>
      </c>
      <c r="AD56" s="166">
        <v>3.6471441799620558E-2</v>
      </c>
      <c r="AE56" s="92">
        <v>7.1750159840864469E-2</v>
      </c>
      <c r="AF56" s="166">
        <v>0.19293960319341161</v>
      </c>
      <c r="AG56" s="92">
        <v>0.11424048816198631</v>
      </c>
      <c r="AH56" s="166">
        <v>0.73303518879915319</v>
      </c>
      <c r="AI56" s="92">
        <v>0.12518538371951415</v>
      </c>
      <c r="AJ56" s="91">
        <v>3.7553766207814671E-2</v>
      </c>
      <c r="AK56" s="92">
        <v>7.2206467112414241E-2</v>
      </c>
    </row>
    <row r="57" spans="1:37">
      <c r="A57" s="52" t="s">
        <v>552</v>
      </c>
      <c r="B57" s="161">
        <v>118</v>
      </c>
      <c r="C57" s="165">
        <v>0.23833701604838861</v>
      </c>
      <c r="D57" s="89">
        <v>7.808120087881662E-2</v>
      </c>
      <c r="E57" s="165">
        <v>0.24078559106880257</v>
      </c>
      <c r="F57" s="89">
        <v>7.8331305641216209E-2</v>
      </c>
      <c r="G57" s="165">
        <v>0.43809914513104437</v>
      </c>
      <c r="H57" s="89">
        <v>8.9884338285259643E-2</v>
      </c>
      <c r="I57" s="88">
        <v>8.277824775176347E-2</v>
      </c>
      <c r="J57" s="89">
        <v>5.3455534248459904E-2</v>
      </c>
      <c r="K57" s="161">
        <v>119</v>
      </c>
      <c r="L57" s="165">
        <v>0.26507549101444028</v>
      </c>
      <c r="M57" s="89">
        <v>8.0312736448640384E-2</v>
      </c>
      <c r="N57" s="165">
        <v>0.23732350213758621</v>
      </c>
      <c r="O57" s="89">
        <v>7.7651676333788916E-2</v>
      </c>
      <c r="P57" s="165">
        <v>0.38813964721446026</v>
      </c>
      <c r="Q57" s="89">
        <v>8.8029534033349094E-2</v>
      </c>
      <c r="R57" s="88">
        <v>0.10946135963351245</v>
      </c>
      <c r="S57" s="89">
        <v>5.9054418077784741E-2</v>
      </c>
      <c r="T57" s="161">
        <v>119</v>
      </c>
      <c r="U57" s="165">
        <v>0.22133136611953536</v>
      </c>
      <c r="V57" s="89">
        <v>7.5935889891755814E-2</v>
      </c>
      <c r="W57" s="165">
        <v>0.26825853482774648</v>
      </c>
      <c r="X57" s="89">
        <v>8.0593741291504928E-2</v>
      </c>
      <c r="Y57" s="165">
        <v>0.46196010893648565</v>
      </c>
      <c r="Z57" s="89">
        <v>8.9922378873429715E-2</v>
      </c>
      <c r="AA57" s="88">
        <v>4.8449990116231828E-2</v>
      </c>
      <c r="AB57" s="89">
        <v>4.3858075885861637E-2</v>
      </c>
      <c r="AC57" s="161">
        <v>119</v>
      </c>
      <c r="AD57" s="165">
        <v>0.16773395733488219</v>
      </c>
      <c r="AE57" s="89">
        <v>6.9061785713828872E-2</v>
      </c>
      <c r="AF57" s="165">
        <v>0.16442504583733603</v>
      </c>
      <c r="AG57" s="89">
        <v>6.8573056367103924E-2</v>
      </c>
      <c r="AH57" s="165">
        <v>0.60713009511427185</v>
      </c>
      <c r="AI57" s="89">
        <v>8.8208449973175965E-2</v>
      </c>
      <c r="AJ57" s="88">
        <v>6.0710901713509277E-2</v>
      </c>
      <c r="AK57" s="89">
        <v>4.7497442680018716E-2</v>
      </c>
    </row>
    <row r="58" spans="1:37">
      <c r="A58" s="44" t="s">
        <v>545</v>
      </c>
      <c r="B58" s="163">
        <v>191</v>
      </c>
      <c r="C58" s="166">
        <v>0.36719359644900346</v>
      </c>
      <c r="D58" s="92">
        <v>6.9145499383558323E-2</v>
      </c>
      <c r="E58" s="166">
        <v>0.19396546853564289</v>
      </c>
      <c r="F58" s="92">
        <v>5.7315286522719E-2</v>
      </c>
      <c r="G58" s="166">
        <v>0.37592644491813859</v>
      </c>
      <c r="H58" s="92">
        <v>6.9464004219388087E-2</v>
      </c>
      <c r="I58" s="91">
        <v>6.2914490097214074E-2</v>
      </c>
      <c r="J58" s="92">
        <v>3.6993017350088586E-2</v>
      </c>
      <c r="K58" s="163">
        <v>191</v>
      </c>
      <c r="L58" s="166">
        <v>0.42616719884658827</v>
      </c>
      <c r="M58" s="92">
        <v>7.0858481723255859E-2</v>
      </c>
      <c r="N58" s="166">
        <v>0.18778772464120563</v>
      </c>
      <c r="O58" s="92">
        <v>5.6655778524080193E-2</v>
      </c>
      <c r="P58" s="166">
        <v>0.33751602657269514</v>
      </c>
      <c r="Q58" s="92">
        <v>6.7886929993313874E-2</v>
      </c>
      <c r="R58" s="91">
        <v>4.8529049939509815E-2</v>
      </c>
      <c r="S58" s="92">
        <v>3.3420494026068899E-2</v>
      </c>
      <c r="T58" s="163">
        <v>191</v>
      </c>
      <c r="U58" s="166">
        <v>0.33500929918364908</v>
      </c>
      <c r="V58" s="92">
        <v>6.7767840720018013E-2</v>
      </c>
      <c r="W58" s="166">
        <v>0.14027866626369082</v>
      </c>
      <c r="X58" s="92">
        <v>5.0809813062359266E-2</v>
      </c>
      <c r="Y58" s="166">
        <v>0.44182077851438017</v>
      </c>
      <c r="Z58" s="92">
        <v>7.1144867508028148E-2</v>
      </c>
      <c r="AA58" s="91">
        <v>8.289125603827889E-2</v>
      </c>
      <c r="AB58" s="92">
        <v>4.1283191626369377E-2</v>
      </c>
      <c r="AC58" s="163">
        <v>191</v>
      </c>
      <c r="AD58" s="166">
        <v>0.25417997237426648</v>
      </c>
      <c r="AE58" s="92">
        <v>6.2761439074540334E-2</v>
      </c>
      <c r="AF58" s="166">
        <v>0.21340426408716287</v>
      </c>
      <c r="AG58" s="92">
        <v>5.9260061471792663E-2</v>
      </c>
      <c r="AH58" s="166">
        <v>0.49661534003375607</v>
      </c>
      <c r="AI58" s="92">
        <v>7.1609913257747126E-2</v>
      </c>
      <c r="AJ58" s="91">
        <v>3.5800423504813425E-2</v>
      </c>
      <c r="AK58" s="92">
        <v>2.9791872981028047E-2</v>
      </c>
    </row>
    <row r="61" spans="1:37" ht="18.75">
      <c r="A61" s="284" t="s">
        <v>231</v>
      </c>
      <c r="B61" s="284"/>
      <c r="C61" s="284"/>
      <c r="D61" s="284"/>
      <c r="E61" s="284"/>
      <c r="F61" s="284"/>
      <c r="G61" s="284"/>
      <c r="H61" s="284"/>
      <c r="I61" s="284"/>
      <c r="J61" s="284"/>
      <c r="K61" s="284"/>
      <c r="L61" s="284"/>
      <c r="M61" s="285"/>
    </row>
    <row r="62" spans="1:37" ht="62.25" customHeight="1">
      <c r="A62" s="408" t="s">
        <v>597</v>
      </c>
      <c r="B62" s="408"/>
      <c r="C62" s="408"/>
      <c r="D62" s="408"/>
      <c r="E62" s="408"/>
      <c r="F62" s="408"/>
      <c r="G62" s="408"/>
      <c r="H62" s="408"/>
      <c r="I62" s="408"/>
      <c r="J62" s="408"/>
      <c r="K62" s="408"/>
      <c r="L62" s="408"/>
      <c r="M62" s="285"/>
    </row>
    <row r="63" spans="1:37" ht="43.5" customHeight="1">
      <c r="A63" s="398" t="s">
        <v>232</v>
      </c>
      <c r="B63" s="399"/>
      <c r="C63" s="399"/>
      <c r="D63" s="399"/>
      <c r="E63" s="399"/>
      <c r="F63" s="399"/>
      <c r="G63" s="399"/>
      <c r="H63" s="399"/>
      <c r="I63" s="399"/>
      <c r="J63" s="399"/>
      <c r="K63" s="399"/>
      <c r="L63" s="399"/>
    </row>
    <row r="64" spans="1:37" ht="72">
      <c r="A64" s="32" t="s">
        <v>71</v>
      </c>
      <c r="B64" s="33" t="s">
        <v>72</v>
      </c>
      <c r="C64" s="34" t="s">
        <v>589</v>
      </c>
      <c r="D64" s="35" t="s">
        <v>73</v>
      </c>
      <c r="E64" s="33" t="s">
        <v>156</v>
      </c>
      <c r="F64" s="84" t="s">
        <v>85</v>
      </c>
      <c r="G64" s="33" t="s">
        <v>157</v>
      </c>
      <c r="H64" s="84" t="s">
        <v>86</v>
      </c>
      <c r="I64" s="33" t="s">
        <v>158</v>
      </c>
      <c r="J64" s="84" t="s">
        <v>87</v>
      </c>
      <c r="K64" s="33" t="s">
        <v>301</v>
      </c>
      <c r="L64" s="84" t="s">
        <v>300</v>
      </c>
    </row>
    <row r="65" spans="1:12" ht="84">
      <c r="A65" s="36"/>
      <c r="B65" s="37" t="s">
        <v>74</v>
      </c>
      <c r="C65" s="123" t="s">
        <v>305</v>
      </c>
      <c r="D65" s="39" t="s">
        <v>76</v>
      </c>
      <c r="E65" s="37" t="s">
        <v>159</v>
      </c>
      <c r="F65" s="86" t="s">
        <v>126</v>
      </c>
      <c r="G65" s="37" t="s">
        <v>160</v>
      </c>
      <c r="H65" s="86" t="s">
        <v>127</v>
      </c>
      <c r="I65" s="37" t="s">
        <v>161</v>
      </c>
      <c r="J65" s="86" t="s">
        <v>128</v>
      </c>
      <c r="K65" s="37" t="s">
        <v>301</v>
      </c>
      <c r="L65" s="86" t="s">
        <v>88</v>
      </c>
    </row>
    <row r="66" spans="1:12">
      <c r="A66" s="40" t="s">
        <v>350</v>
      </c>
      <c r="B66" s="161">
        <v>13859</v>
      </c>
      <c r="C66" s="162">
        <v>3.3104475129063768</v>
      </c>
      <c r="D66" s="81">
        <v>3.1669094122717165E-2</v>
      </c>
      <c r="E66" s="165">
        <v>0.54255580172524498</v>
      </c>
      <c r="F66" s="89">
        <v>8.4624003210506289E-3</v>
      </c>
      <c r="G66" s="165">
        <v>0.16628583039147191</v>
      </c>
      <c r="H66" s="89">
        <v>6.3261315830269163E-3</v>
      </c>
      <c r="I66" s="165">
        <v>0.26549245322642018</v>
      </c>
      <c r="J66" s="89">
        <v>7.5017214885631477E-3</v>
      </c>
      <c r="K66" s="88">
        <v>2.5665914656880798E-2</v>
      </c>
      <c r="L66" s="89">
        <v>2.6931346045782818E-3</v>
      </c>
    </row>
    <row r="67" spans="1:12">
      <c r="A67" s="44" t="s">
        <v>351</v>
      </c>
      <c r="B67" s="44">
        <v>10148</v>
      </c>
      <c r="C67" s="164">
        <v>3.4470646227759301</v>
      </c>
      <c r="D67" s="82">
        <v>3.72271457207521E-2</v>
      </c>
      <c r="E67" s="166">
        <v>0.5244856515499543</v>
      </c>
      <c r="F67" s="92">
        <v>9.9129569760614822E-3</v>
      </c>
      <c r="G67" s="166">
        <v>0.1647192407221065</v>
      </c>
      <c r="H67" s="92">
        <v>7.3651624716830916E-3</v>
      </c>
      <c r="I67" s="166">
        <v>0.29293758002893078</v>
      </c>
      <c r="J67" s="92">
        <v>9.0345395787262538E-3</v>
      </c>
      <c r="K67" s="91">
        <v>1.7857527699007364E-2</v>
      </c>
      <c r="L67" s="92">
        <v>2.6424569630790979E-3</v>
      </c>
    </row>
    <row r="68" spans="1:12">
      <c r="A68" s="40" t="s">
        <v>352</v>
      </c>
      <c r="B68" s="48">
        <v>3711</v>
      </c>
      <c r="C68" s="162">
        <v>3.1985662589926283</v>
      </c>
      <c r="D68" s="81">
        <v>5.8462623801175992E-2</v>
      </c>
      <c r="E68" s="165">
        <v>0.55714155715338731</v>
      </c>
      <c r="F68" s="89">
        <v>1.629941481269119E-2</v>
      </c>
      <c r="G68" s="165">
        <v>0.1675503408438978</v>
      </c>
      <c r="H68" s="89">
        <v>1.2265132901639974E-2</v>
      </c>
      <c r="I68" s="165">
        <v>0.24333946039829146</v>
      </c>
      <c r="J68" s="89">
        <v>1.4085573792214508E-2</v>
      </c>
      <c r="K68" s="88">
        <v>3.1968641604423968E-2</v>
      </c>
      <c r="L68" s="89">
        <v>5.8162171860015096E-3</v>
      </c>
    </row>
    <row r="69" spans="1:12">
      <c r="A69" s="44" t="s">
        <v>534</v>
      </c>
      <c r="B69" s="44">
        <v>1876</v>
      </c>
      <c r="C69" s="164">
        <v>3.2558372593711056</v>
      </c>
      <c r="D69" s="82">
        <v>8.4874650222997797E-2</v>
      </c>
      <c r="E69" s="166">
        <v>0.55272891041203243</v>
      </c>
      <c r="F69" s="92">
        <v>2.2935222408035853E-2</v>
      </c>
      <c r="G69" s="166">
        <v>0.17039985865657414</v>
      </c>
      <c r="H69" s="92">
        <v>1.7371138754518577E-2</v>
      </c>
      <c r="I69" s="166">
        <v>0.24868077289370763</v>
      </c>
      <c r="J69" s="92">
        <v>1.9952450490897979E-2</v>
      </c>
      <c r="K69" s="91">
        <v>2.8190458037689457E-2</v>
      </c>
      <c r="L69" s="92">
        <v>7.7654445283780018E-3</v>
      </c>
    </row>
    <row r="70" spans="1:12">
      <c r="A70" s="40" t="s">
        <v>535</v>
      </c>
      <c r="B70" s="48">
        <v>1529</v>
      </c>
      <c r="C70" s="162">
        <v>3.2690071494043762</v>
      </c>
      <c r="D70" s="81">
        <v>9.4328798572824404E-2</v>
      </c>
      <c r="E70" s="165">
        <v>0.54966581486381816</v>
      </c>
      <c r="F70" s="89">
        <v>2.5414818783692433E-2</v>
      </c>
      <c r="G70" s="165">
        <v>0.17312059983457245</v>
      </c>
      <c r="H70" s="89">
        <v>1.9364106950189062E-2</v>
      </c>
      <c r="I70" s="165">
        <v>0.25227304570903775</v>
      </c>
      <c r="J70" s="89">
        <v>2.2204128724858781E-2</v>
      </c>
      <c r="K70" s="88">
        <v>2.494053959257073E-2</v>
      </c>
      <c r="L70" s="89">
        <v>8.1561245251537198E-3</v>
      </c>
    </row>
    <row r="71" spans="1:12">
      <c r="A71" s="44" t="s">
        <v>546</v>
      </c>
      <c r="B71" s="44">
        <v>351</v>
      </c>
      <c r="C71" s="164">
        <v>3.2186011704375317</v>
      </c>
      <c r="D71" s="82">
        <v>0.19368463487890947</v>
      </c>
      <c r="E71" s="166">
        <v>0.56132091116668614</v>
      </c>
      <c r="F71" s="92">
        <v>5.2682841269740661E-2</v>
      </c>
      <c r="G71" s="166">
        <v>0.16271958563356237</v>
      </c>
      <c r="H71" s="92">
        <v>3.9545451375604911E-2</v>
      </c>
      <c r="I71" s="166">
        <v>0.23778519483415991</v>
      </c>
      <c r="J71" s="92">
        <v>4.5382147173551372E-2</v>
      </c>
      <c r="K71" s="91">
        <v>3.8174308365590152E-2</v>
      </c>
      <c r="L71" s="92">
        <v>2.1623234541639988E-2</v>
      </c>
    </row>
    <row r="72" spans="1:12">
      <c r="A72" s="40" t="s">
        <v>536</v>
      </c>
      <c r="B72" s="48">
        <v>294</v>
      </c>
      <c r="C72" s="162">
        <v>3.515606657205943</v>
      </c>
      <c r="D72" s="81">
        <v>0.22516710233158196</v>
      </c>
      <c r="E72" s="165">
        <v>0.51136869164558818</v>
      </c>
      <c r="F72" s="89">
        <v>5.791386792292838E-2</v>
      </c>
      <c r="G72" s="165">
        <v>0.17603706827997112</v>
      </c>
      <c r="H72" s="89">
        <v>4.4547932454581884E-2</v>
      </c>
      <c r="I72" s="165">
        <v>0.30189601017670697</v>
      </c>
      <c r="J72" s="89">
        <v>5.331951309304938E-2</v>
      </c>
      <c r="K72" s="88">
        <v>1.0698229897731355E-2</v>
      </c>
      <c r="L72" s="89">
        <v>1.5091631884292503E-2</v>
      </c>
    </row>
    <row r="73" spans="1:12">
      <c r="A73" s="44" t="s">
        <v>537</v>
      </c>
      <c r="B73" s="44">
        <v>87</v>
      </c>
      <c r="C73" s="164">
        <v>3.2715112628195935</v>
      </c>
      <c r="D73" s="82">
        <v>0.41500867680821596</v>
      </c>
      <c r="E73" s="166">
        <v>0.60072964954634955</v>
      </c>
      <c r="F73" s="92">
        <v>0.10286573561345798</v>
      </c>
      <c r="G73" s="166">
        <v>0.14339551801182612</v>
      </c>
      <c r="H73" s="92">
        <v>7.668030832246181E-2</v>
      </c>
      <c r="I73" s="166">
        <v>0.2351197012374423</v>
      </c>
      <c r="J73" s="92">
        <v>9.038888294140987E-2</v>
      </c>
      <c r="K73" s="91">
        <v>2.0755131204381997E-2</v>
      </c>
      <c r="L73" s="92">
        <v>4.1969039916934195E-2</v>
      </c>
    </row>
    <row r="74" spans="1:12">
      <c r="A74" s="40" t="s">
        <v>538</v>
      </c>
      <c r="B74" s="48">
        <v>89</v>
      </c>
      <c r="C74" s="162">
        <v>3.9071551340518482</v>
      </c>
      <c r="D74" s="81">
        <v>0.40154313216174187</v>
      </c>
      <c r="E74" s="165">
        <v>0.46002174365535609</v>
      </c>
      <c r="F74" s="89">
        <v>0.10339115978359086</v>
      </c>
      <c r="G74" s="165">
        <v>0.18022220753920767</v>
      </c>
      <c r="H74" s="89">
        <v>8.2004292353678163E-2</v>
      </c>
      <c r="I74" s="165">
        <v>0.35975604880543632</v>
      </c>
      <c r="J74" s="89">
        <v>9.9889649133449276E-2</v>
      </c>
      <c r="K74" s="88">
        <v>0</v>
      </c>
      <c r="L74" s="89">
        <v>3.0084393934100805E-2</v>
      </c>
    </row>
    <row r="75" spans="1:12">
      <c r="A75" s="44" t="s">
        <v>539</v>
      </c>
      <c r="B75" s="44">
        <v>99</v>
      </c>
      <c r="C75" s="164">
        <v>3.3914593011350598</v>
      </c>
      <c r="D75" s="82">
        <v>0.39116064884440865</v>
      </c>
      <c r="E75" s="166">
        <v>0.49275238409690092</v>
      </c>
      <c r="F75" s="92">
        <v>9.8523364275115627E-2</v>
      </c>
      <c r="G75" s="166">
        <v>0.21333197173643292</v>
      </c>
      <c r="H75" s="92">
        <v>8.2221652676810725E-2</v>
      </c>
      <c r="I75" s="166">
        <v>0.28026910494059321</v>
      </c>
      <c r="J75" s="92">
        <v>8.931140022780179E-2</v>
      </c>
      <c r="K75" s="91">
        <v>1.3646539226073609E-2</v>
      </c>
      <c r="L75" s="92">
        <v>3.4962164131213641E-2</v>
      </c>
    </row>
    <row r="76" spans="1:12">
      <c r="A76" s="40" t="s">
        <v>540</v>
      </c>
      <c r="B76" s="161">
        <v>114</v>
      </c>
      <c r="C76" s="162">
        <v>3.7046576071420638</v>
      </c>
      <c r="D76" s="81">
        <v>0.32074076997028006</v>
      </c>
      <c r="E76" s="165">
        <v>0.44103432343684368</v>
      </c>
      <c r="F76" s="89">
        <v>9.1458016511142687E-2</v>
      </c>
      <c r="G76" s="165">
        <v>0.20362334693445874</v>
      </c>
      <c r="H76" s="89">
        <v>7.5468062304256012E-2</v>
      </c>
      <c r="I76" s="165">
        <v>0.32894208647142897</v>
      </c>
      <c r="J76" s="89">
        <v>8.6883781810584329E-2</v>
      </c>
      <c r="K76" s="88">
        <v>2.6400243157268681E-2</v>
      </c>
      <c r="L76" s="89">
        <v>3.712192005954687E-2</v>
      </c>
    </row>
    <row r="77" spans="1:12">
      <c r="A77" s="44" t="s">
        <v>541</v>
      </c>
      <c r="B77" s="163">
        <v>111</v>
      </c>
      <c r="C77" s="164">
        <v>3.6197667609997075</v>
      </c>
      <c r="D77" s="82">
        <v>0.34939900146739361</v>
      </c>
      <c r="E77" s="166">
        <v>0.428204097144325</v>
      </c>
      <c r="F77" s="92">
        <v>9.2350503691171509E-2</v>
      </c>
      <c r="G77" s="166">
        <v>0.26386304450432257</v>
      </c>
      <c r="H77" s="92">
        <v>8.2998350930035936E-2</v>
      </c>
      <c r="I77" s="166">
        <v>0.27107071969656188</v>
      </c>
      <c r="J77" s="92">
        <v>8.3650160910189827E-2</v>
      </c>
      <c r="K77" s="91">
        <v>3.6862138654790683E-2</v>
      </c>
      <c r="L77" s="92">
        <v>4.1771771195223427E-2</v>
      </c>
    </row>
    <row r="78" spans="1:12">
      <c r="A78" s="40" t="s">
        <v>542</v>
      </c>
      <c r="B78" s="78">
        <v>169</v>
      </c>
      <c r="C78" s="162">
        <v>3.3070983436080392</v>
      </c>
      <c r="D78" s="81">
        <v>0.27302464100121221</v>
      </c>
      <c r="E78" s="165">
        <v>0.55200977033536613</v>
      </c>
      <c r="F78" s="89">
        <v>7.5635057037749615E-2</v>
      </c>
      <c r="G78" s="165">
        <v>0.1480858203166576</v>
      </c>
      <c r="H78" s="89">
        <v>5.5206825987800662E-2</v>
      </c>
      <c r="I78" s="165">
        <v>0.28068923286208347</v>
      </c>
      <c r="J78" s="89">
        <v>6.8695730786906162E-2</v>
      </c>
      <c r="K78" s="88">
        <v>1.9215176485892601E-2</v>
      </c>
      <c r="L78" s="89">
        <v>2.6077511550070643E-2</v>
      </c>
    </row>
    <row r="79" spans="1:12">
      <c r="A79" s="44" t="s">
        <v>547</v>
      </c>
      <c r="B79" s="163">
        <v>72</v>
      </c>
      <c r="C79" s="164">
        <v>3.0800860484352026</v>
      </c>
      <c r="D79" s="82">
        <v>0.3883335778234297</v>
      </c>
      <c r="E79" s="166">
        <v>0.60023947661315069</v>
      </c>
      <c r="F79" s="92">
        <v>0.11261996945783941</v>
      </c>
      <c r="G79" s="166">
        <v>0.16321097536620066</v>
      </c>
      <c r="H79" s="92">
        <v>8.8317197231848624E-2</v>
      </c>
      <c r="I79" s="166">
        <v>0.2233973745480391</v>
      </c>
      <c r="J79" s="92">
        <v>9.7692490559861844E-2</v>
      </c>
      <c r="K79" s="91">
        <v>1.3152173472609512E-2</v>
      </c>
      <c r="L79" s="92">
        <v>4.429101430916646E-2</v>
      </c>
    </row>
    <row r="80" spans="1:12">
      <c r="A80" s="52" t="s">
        <v>548</v>
      </c>
      <c r="B80" s="161">
        <v>122</v>
      </c>
      <c r="C80" s="162">
        <v>3.2009115197949978</v>
      </c>
      <c r="D80" s="81">
        <v>0.32622371929809113</v>
      </c>
      <c r="E80" s="165">
        <v>0.54848196059790921</v>
      </c>
      <c r="F80" s="89">
        <v>8.869358144394146E-2</v>
      </c>
      <c r="G80" s="165">
        <v>0.16054904045818458</v>
      </c>
      <c r="H80" s="89">
        <v>6.713476524779366E-2</v>
      </c>
      <c r="I80" s="165">
        <v>0.2694297787831561</v>
      </c>
      <c r="J80" s="89">
        <v>7.9713614402708383E-2</v>
      </c>
      <c r="K80" s="88">
        <v>2.1539220160749703E-2</v>
      </c>
      <c r="L80" s="89">
        <v>3.3513547194133755E-2</v>
      </c>
    </row>
    <row r="81" spans="1:12" ht="30.75" customHeight="1">
      <c r="A81" s="44" t="s">
        <v>549</v>
      </c>
      <c r="B81" s="163">
        <v>101</v>
      </c>
      <c r="C81" s="164">
        <v>3.1735929386039743</v>
      </c>
      <c r="D81" s="82">
        <v>0.36245683769508225</v>
      </c>
      <c r="E81" s="166">
        <v>0.64797047434196176</v>
      </c>
      <c r="F81" s="92">
        <v>9.3552363472250419E-2</v>
      </c>
      <c r="G81" s="166">
        <v>0.11058539213998979</v>
      </c>
      <c r="H81" s="92">
        <v>6.4642606960994234E-2</v>
      </c>
      <c r="I81" s="166">
        <v>0.23163020809145696</v>
      </c>
      <c r="J81" s="92">
        <v>8.3577292278170498E-2</v>
      </c>
      <c r="K81" s="91">
        <v>9.8139254265924587E-3</v>
      </c>
      <c r="L81" s="92">
        <v>3.2470430621579824E-2</v>
      </c>
    </row>
    <row r="82" spans="1:12">
      <c r="A82" s="52" t="s">
        <v>550</v>
      </c>
      <c r="B82" s="161">
        <v>132</v>
      </c>
      <c r="C82" s="162">
        <v>2.7896879057681101</v>
      </c>
      <c r="D82" s="81">
        <v>0.29729373198612391</v>
      </c>
      <c r="E82" s="165">
        <v>0.62011502732761425</v>
      </c>
      <c r="F82" s="89">
        <v>8.3385811863957299E-2</v>
      </c>
      <c r="G82" s="165">
        <v>0.17417123665570525</v>
      </c>
      <c r="H82" s="89">
        <v>6.6418624023323658E-2</v>
      </c>
      <c r="I82" s="165">
        <v>0.16245332136639218</v>
      </c>
      <c r="J82" s="89">
        <v>6.477697004941986E-2</v>
      </c>
      <c r="K82" s="88">
        <v>4.326041465028866E-2</v>
      </c>
      <c r="L82" s="89">
        <v>3.9660222314043564E-2</v>
      </c>
    </row>
    <row r="83" spans="1:12">
      <c r="A83" s="44" t="s">
        <v>551</v>
      </c>
      <c r="B83" s="163">
        <v>124</v>
      </c>
      <c r="C83" s="164">
        <v>2.9354048637424928</v>
      </c>
      <c r="D83" s="82">
        <v>0.32055658295504874</v>
      </c>
      <c r="E83" s="166">
        <v>0.61962397440519135</v>
      </c>
      <c r="F83" s="92">
        <v>8.5981556651285776E-2</v>
      </c>
      <c r="G83" s="166">
        <v>0.17148918497352383</v>
      </c>
      <c r="H83" s="92">
        <v>6.8172624211281327E-2</v>
      </c>
      <c r="I83" s="166">
        <v>0.17814345620885738</v>
      </c>
      <c r="J83" s="92">
        <v>6.9097231919683977E-2</v>
      </c>
      <c r="K83" s="91">
        <v>3.07433844124275E-2</v>
      </c>
      <c r="L83" s="92">
        <v>3.6804296046616045E-2</v>
      </c>
    </row>
    <row r="84" spans="1:12">
      <c r="A84" s="52" t="s">
        <v>543</v>
      </c>
      <c r="B84" s="161">
        <v>168</v>
      </c>
      <c r="C84" s="162">
        <v>3.5198825962644635</v>
      </c>
      <c r="D84" s="81">
        <v>0.27403163669189656</v>
      </c>
      <c r="E84" s="165">
        <v>0.53585311027911775</v>
      </c>
      <c r="F84" s="89">
        <v>7.6062038240470461E-2</v>
      </c>
      <c r="G84" s="165">
        <v>0.15982658107572917</v>
      </c>
      <c r="H84" s="89">
        <v>5.6978513176720091E-2</v>
      </c>
      <c r="I84" s="165">
        <v>0.29621525655182607</v>
      </c>
      <c r="J84" s="89">
        <v>6.9946967237066837E-2</v>
      </c>
      <c r="K84" s="88">
        <v>8.1050520933263741E-3</v>
      </c>
      <c r="L84" s="89">
        <v>2.1110166843554212E-2</v>
      </c>
    </row>
    <row r="85" spans="1:12">
      <c r="A85" s="44" t="s">
        <v>544</v>
      </c>
      <c r="B85" s="163">
        <v>49</v>
      </c>
      <c r="C85" s="164">
        <v>3.6348139700611326</v>
      </c>
      <c r="D85" s="82">
        <v>0.53826882998491854</v>
      </c>
      <c r="E85" s="166">
        <v>0.50055207971544013</v>
      </c>
      <c r="F85" s="92">
        <v>0.13736049237783887</v>
      </c>
      <c r="G85" s="166">
        <v>0.12391234122808015</v>
      </c>
      <c r="H85" s="92">
        <v>9.8709464197180449E-2</v>
      </c>
      <c r="I85" s="166">
        <v>0.37553557905647961</v>
      </c>
      <c r="J85" s="92">
        <v>0.13367341013188602</v>
      </c>
      <c r="K85" s="91">
        <v>0</v>
      </c>
      <c r="L85" s="92">
        <v>5.2349950714565462E-2</v>
      </c>
    </row>
    <row r="86" spans="1:12">
      <c r="A86" s="52" t="s">
        <v>552</v>
      </c>
      <c r="B86" s="161">
        <v>119</v>
      </c>
      <c r="C86" s="162">
        <v>3.4709059925698016</v>
      </c>
      <c r="D86" s="81">
        <v>0.3179712049446386</v>
      </c>
      <c r="E86" s="165">
        <v>0.5507229305090795</v>
      </c>
      <c r="F86" s="89">
        <v>8.9731632581957099E-2</v>
      </c>
      <c r="G86" s="165">
        <v>0.17495470288132181</v>
      </c>
      <c r="H86" s="89">
        <v>7.009996381899869E-2</v>
      </c>
      <c r="I86" s="165">
        <v>0.26280323097089658</v>
      </c>
      <c r="J86" s="89">
        <v>8.0109179239726852E-2</v>
      </c>
      <c r="K86" s="88">
        <v>1.151913563870151E-2</v>
      </c>
      <c r="L86" s="89">
        <v>2.9441232658302504E-2</v>
      </c>
    </row>
    <row r="87" spans="1:12">
      <c r="A87" s="44" t="s">
        <v>545</v>
      </c>
      <c r="B87" s="163">
        <v>190</v>
      </c>
      <c r="C87" s="164">
        <v>3.3845064496429615</v>
      </c>
      <c r="D87" s="82">
        <v>0.27949338236308613</v>
      </c>
      <c r="E87" s="166">
        <v>0.50191654027681853</v>
      </c>
      <c r="F87" s="92">
        <v>7.1795309955221848E-2</v>
      </c>
      <c r="G87" s="166">
        <v>0.20231602054372022</v>
      </c>
      <c r="H87" s="92">
        <v>5.832734384015735E-2</v>
      </c>
      <c r="I87" s="166">
        <v>0.25420993028372996</v>
      </c>
      <c r="J87" s="92">
        <v>6.2927352391234356E-2</v>
      </c>
      <c r="K87" s="91">
        <v>4.1557508895730531E-2</v>
      </c>
      <c r="L87" s="92">
        <v>3.1592742965484963E-2</v>
      </c>
    </row>
    <row r="90" spans="1:12" ht="18.75">
      <c r="A90" s="337" t="s">
        <v>43</v>
      </c>
      <c r="B90" s="337"/>
      <c r="C90" s="337"/>
      <c r="D90" s="337"/>
    </row>
    <row r="91" spans="1:12" ht="131.25" customHeight="1">
      <c r="A91" s="356" t="s">
        <v>389</v>
      </c>
      <c r="B91" s="356"/>
      <c r="C91" s="356"/>
      <c r="D91" s="356"/>
    </row>
    <row r="92" spans="1:12" ht="39" customHeight="1">
      <c r="A92" s="409" t="s">
        <v>390</v>
      </c>
      <c r="B92" s="397"/>
      <c r="C92" s="397"/>
      <c r="D92" s="397"/>
    </row>
    <row r="93" spans="1:12" ht="72">
      <c r="A93" s="32" t="s">
        <v>71</v>
      </c>
      <c r="B93" s="33" t="s">
        <v>72</v>
      </c>
      <c r="C93" s="34" t="s">
        <v>589</v>
      </c>
      <c r="D93" s="35" t="s">
        <v>73</v>
      </c>
    </row>
    <row r="94" spans="1:12" ht="72">
      <c r="A94" s="36"/>
      <c r="B94" s="37" t="s">
        <v>74</v>
      </c>
      <c r="C94" s="38" t="s">
        <v>391</v>
      </c>
      <c r="D94" s="39" t="s">
        <v>76</v>
      </c>
    </row>
    <row r="95" spans="1:12">
      <c r="A95" s="40" t="s">
        <v>350</v>
      </c>
      <c r="B95" s="151">
        <v>11256</v>
      </c>
      <c r="C95" s="79">
        <v>3.8226257740196408</v>
      </c>
      <c r="D95" s="80">
        <v>2.5223193844769246E-2</v>
      </c>
    </row>
    <row r="96" spans="1:12">
      <c r="A96" s="44" t="s">
        <v>351</v>
      </c>
      <c r="B96" s="44">
        <v>7943</v>
      </c>
      <c r="C96" s="153">
        <v>3.7928635880880677</v>
      </c>
      <c r="D96" s="154">
        <v>3.0618100296178771E-2</v>
      </c>
    </row>
    <row r="97" spans="1:4">
      <c r="A97" s="40" t="s">
        <v>352</v>
      </c>
      <c r="B97" s="48">
        <v>3313</v>
      </c>
      <c r="C97" s="79">
        <v>3.8457865537807923</v>
      </c>
      <c r="D97" s="80">
        <v>4.4179949484180525E-2</v>
      </c>
    </row>
    <row r="98" spans="1:4">
      <c r="A98" s="44" t="s">
        <v>534</v>
      </c>
      <c r="B98" s="44">
        <v>1571</v>
      </c>
      <c r="C98" s="153">
        <v>3.8232208387759679</v>
      </c>
      <c r="D98" s="154">
        <v>6.5491162359994068E-2</v>
      </c>
    </row>
    <row r="99" spans="1:4">
      <c r="A99" s="40" t="s">
        <v>535</v>
      </c>
      <c r="B99" s="48">
        <v>1264</v>
      </c>
      <c r="C99" s="79">
        <v>3.8017393736910257</v>
      </c>
      <c r="D99" s="80">
        <v>7.4547442514137779E-2</v>
      </c>
    </row>
    <row r="100" spans="1:4">
      <c r="A100" s="44" t="s">
        <v>546</v>
      </c>
      <c r="B100" s="44">
        <v>310</v>
      </c>
      <c r="C100" s="153">
        <v>3.9087342959070459</v>
      </c>
      <c r="D100" s="154">
        <v>0.13471143408539432</v>
      </c>
    </row>
    <row r="101" spans="1:4">
      <c r="A101" s="40" t="s">
        <v>536</v>
      </c>
      <c r="B101" s="48">
        <v>214</v>
      </c>
      <c r="C101" s="79">
        <v>3.530571811507607</v>
      </c>
      <c r="D101" s="80">
        <v>0.18864217932642036</v>
      </c>
    </row>
    <row r="102" spans="1:4">
      <c r="A102" s="44" t="s">
        <v>537</v>
      </c>
      <c r="B102" s="44">
        <v>56</v>
      </c>
      <c r="C102" s="153">
        <v>3.4357639163542295</v>
      </c>
      <c r="D102" s="154">
        <v>0.38661644135664058</v>
      </c>
    </row>
    <row r="103" spans="1:4">
      <c r="A103" s="40" t="s">
        <v>538</v>
      </c>
      <c r="B103" s="48">
        <v>63</v>
      </c>
      <c r="C103" s="79">
        <v>3.5356386834318734</v>
      </c>
      <c r="D103" s="80">
        <v>0.34811443950795512</v>
      </c>
    </row>
    <row r="104" spans="1:4">
      <c r="A104" s="44" t="s">
        <v>539</v>
      </c>
      <c r="B104" s="44">
        <v>78</v>
      </c>
      <c r="C104" s="153">
        <v>3.6794512237504113</v>
      </c>
      <c r="D104" s="154">
        <v>0.30604038127922839</v>
      </c>
    </row>
    <row r="105" spans="1:4">
      <c r="A105" s="40" t="s">
        <v>540</v>
      </c>
      <c r="B105" s="151">
        <v>95</v>
      </c>
      <c r="C105" s="79">
        <v>3.7120731933488544</v>
      </c>
      <c r="D105" s="80">
        <v>0.27297714044209814</v>
      </c>
    </row>
    <row r="106" spans="1:4">
      <c r="A106" s="44" t="s">
        <v>541</v>
      </c>
      <c r="B106" s="152">
        <v>83</v>
      </c>
      <c r="C106" s="153">
        <v>3.8437973865329349</v>
      </c>
      <c r="D106" s="154">
        <v>0.31342888111222605</v>
      </c>
    </row>
    <row r="107" spans="1:4">
      <c r="A107" s="40" t="s">
        <v>542</v>
      </c>
      <c r="B107" s="78">
        <v>155</v>
      </c>
      <c r="C107" s="79">
        <v>3.6038665567645687</v>
      </c>
      <c r="D107" s="80">
        <v>0.20840795386736613</v>
      </c>
    </row>
    <row r="108" spans="1:4">
      <c r="A108" s="44" t="s">
        <v>547</v>
      </c>
      <c r="B108" s="152">
        <v>68</v>
      </c>
      <c r="C108" s="153">
        <v>3.7253786570997263</v>
      </c>
      <c r="D108" s="154">
        <v>0.300096067783789</v>
      </c>
    </row>
    <row r="109" spans="1:4">
      <c r="A109" s="52" t="s">
        <v>548</v>
      </c>
      <c r="B109" s="151">
        <v>106</v>
      </c>
      <c r="C109" s="79">
        <v>3.8748981335365</v>
      </c>
      <c r="D109" s="80">
        <v>0.25555833353320956</v>
      </c>
    </row>
    <row r="110" spans="1:4">
      <c r="A110" s="44" t="s">
        <v>549</v>
      </c>
      <c r="B110" s="152">
        <v>87</v>
      </c>
      <c r="C110" s="153">
        <v>3.8507375323789006</v>
      </c>
      <c r="D110" s="154">
        <v>0.2887255634938346</v>
      </c>
    </row>
    <row r="111" spans="1:4">
      <c r="A111" s="52" t="s">
        <v>550</v>
      </c>
      <c r="B111" s="151">
        <v>114</v>
      </c>
      <c r="C111" s="79">
        <v>3.8553127765422657</v>
      </c>
      <c r="D111" s="80">
        <v>0.25886119347358644</v>
      </c>
    </row>
    <row r="112" spans="1:4">
      <c r="A112" s="44" t="s">
        <v>551</v>
      </c>
      <c r="B112" s="152">
        <v>111</v>
      </c>
      <c r="C112" s="153">
        <v>3.9561165285247748</v>
      </c>
      <c r="D112" s="154">
        <v>0.25223301409941079</v>
      </c>
    </row>
    <row r="113" spans="1:34">
      <c r="A113" s="52" t="s">
        <v>543</v>
      </c>
      <c r="B113" s="151">
        <v>142</v>
      </c>
      <c r="C113" s="79">
        <v>4.1098628478379542</v>
      </c>
      <c r="D113" s="80">
        <v>0.20077520216013475</v>
      </c>
    </row>
    <row r="114" spans="1:34">
      <c r="A114" s="44" t="s">
        <v>544</v>
      </c>
      <c r="B114" s="152">
        <v>44</v>
      </c>
      <c r="C114" s="153">
        <v>4.4850947081556356</v>
      </c>
      <c r="D114" s="154">
        <v>0.33356292944916061</v>
      </c>
    </row>
    <row r="115" spans="1:34">
      <c r="A115" s="52" t="s">
        <v>552</v>
      </c>
      <c r="B115" s="151">
        <v>98</v>
      </c>
      <c r="C115" s="79">
        <v>3.9415705884253671</v>
      </c>
      <c r="D115" s="80">
        <v>0.24230304882212983</v>
      </c>
    </row>
    <row r="116" spans="1:34">
      <c r="A116" s="44" t="s">
        <v>545</v>
      </c>
      <c r="B116" s="152">
        <v>153</v>
      </c>
      <c r="C116" s="153">
        <v>3.4786389808066502</v>
      </c>
      <c r="D116" s="154">
        <v>0.19730677176742917</v>
      </c>
    </row>
    <row r="119" spans="1:34" ht="18.75">
      <c r="A119" s="337" t="s">
        <v>503</v>
      </c>
      <c r="B119" s="337"/>
      <c r="C119" s="337"/>
      <c r="D119" s="337"/>
      <c r="E119" s="337"/>
      <c r="F119" s="337"/>
      <c r="G119" s="337"/>
      <c r="H119" s="337"/>
      <c r="I119" s="337"/>
      <c r="J119" s="337"/>
      <c r="K119" s="337"/>
      <c r="L119" s="337"/>
      <c r="M119" s="337"/>
      <c r="N119" s="337"/>
      <c r="O119" s="337"/>
      <c r="P119" s="337"/>
      <c r="Q119" s="337"/>
      <c r="R119" s="337"/>
      <c r="S119" s="337"/>
      <c r="T119" s="337"/>
      <c r="U119" s="337"/>
      <c r="V119" s="337"/>
      <c r="W119" s="337"/>
      <c r="X119" s="337"/>
      <c r="Y119" s="337"/>
      <c r="Z119" s="337"/>
      <c r="AA119" s="337"/>
      <c r="AB119" s="337"/>
      <c r="AC119" s="337"/>
      <c r="AD119" s="337"/>
      <c r="AE119" s="337"/>
      <c r="AF119" s="337"/>
      <c r="AG119" s="337"/>
      <c r="AH119" s="337"/>
    </row>
    <row r="120" spans="1:34" ht="75.75" customHeight="1">
      <c r="A120" s="410" t="s">
        <v>595</v>
      </c>
      <c r="B120" s="410"/>
      <c r="C120" s="410"/>
      <c r="D120" s="410"/>
      <c r="E120" s="410"/>
      <c r="F120" s="410"/>
      <c r="G120" s="410"/>
      <c r="H120" s="410"/>
      <c r="I120" s="410"/>
      <c r="J120" s="410"/>
      <c r="K120" s="410"/>
      <c r="L120" s="410"/>
      <c r="M120" s="410"/>
      <c r="N120" s="410"/>
      <c r="O120" s="410"/>
      <c r="P120" s="410"/>
      <c r="Q120" s="410"/>
      <c r="R120" s="410"/>
      <c r="S120" s="410"/>
      <c r="T120" s="410"/>
      <c r="U120" s="410"/>
      <c r="V120" s="410"/>
      <c r="W120" s="410"/>
      <c r="X120" s="410"/>
      <c r="Y120" s="410"/>
      <c r="Z120" s="410"/>
      <c r="AA120" s="410"/>
      <c r="AB120" s="410"/>
      <c r="AC120" s="410"/>
      <c r="AD120" s="410"/>
      <c r="AE120" s="410"/>
      <c r="AF120" s="410"/>
      <c r="AG120" s="410"/>
      <c r="AH120" s="410"/>
    </row>
    <row r="121" spans="1:34" ht="42" customHeight="1">
      <c r="A121" s="310"/>
      <c r="B121" s="398" t="s">
        <v>392</v>
      </c>
      <c r="C121" s="399"/>
      <c r="D121" s="399"/>
      <c r="E121" s="399"/>
      <c r="F121" s="399"/>
      <c r="G121" s="399"/>
      <c r="H121" s="399"/>
      <c r="I121" s="399"/>
      <c r="J121" s="399"/>
      <c r="K121" s="399"/>
      <c r="L121" s="399"/>
      <c r="M121" s="398" t="s">
        <v>393</v>
      </c>
      <c r="N121" s="399"/>
      <c r="O121" s="399"/>
      <c r="P121" s="399"/>
      <c r="Q121" s="399"/>
      <c r="R121" s="399"/>
      <c r="S121" s="399"/>
      <c r="T121" s="399"/>
      <c r="U121" s="399"/>
      <c r="V121" s="399"/>
      <c r="W121" s="399"/>
      <c r="X121" s="398" t="s">
        <v>269</v>
      </c>
      <c r="Y121" s="399"/>
      <c r="Z121" s="399"/>
      <c r="AA121" s="399"/>
      <c r="AB121" s="399"/>
      <c r="AC121" s="399"/>
      <c r="AD121" s="399"/>
      <c r="AE121" s="399"/>
      <c r="AF121" s="399"/>
      <c r="AG121" s="399"/>
      <c r="AH121" s="399"/>
    </row>
    <row r="122" spans="1:34" ht="72">
      <c r="A122" s="32" t="s">
        <v>71</v>
      </c>
      <c r="B122" s="33" t="s">
        <v>72</v>
      </c>
      <c r="C122" s="34" t="s">
        <v>589</v>
      </c>
      <c r="D122" s="35" t="s">
        <v>73</v>
      </c>
      <c r="E122" s="33" t="s">
        <v>158</v>
      </c>
      <c r="F122" s="35" t="s">
        <v>87</v>
      </c>
      <c r="G122" s="33" t="s">
        <v>157</v>
      </c>
      <c r="H122" s="35" t="s">
        <v>86</v>
      </c>
      <c r="I122" s="33" t="s">
        <v>156</v>
      </c>
      <c r="J122" s="35" t="s">
        <v>85</v>
      </c>
      <c r="K122" s="33" t="s">
        <v>301</v>
      </c>
      <c r="L122" s="84" t="s">
        <v>315</v>
      </c>
      <c r="M122" s="60" t="s">
        <v>72</v>
      </c>
      <c r="N122" s="61" t="s">
        <v>589</v>
      </c>
      <c r="O122" s="62" t="s">
        <v>73</v>
      </c>
      <c r="P122" s="60" t="s">
        <v>158</v>
      </c>
      <c r="Q122" s="62" t="s">
        <v>87</v>
      </c>
      <c r="R122" s="60" t="s">
        <v>157</v>
      </c>
      <c r="S122" s="62" t="s">
        <v>86</v>
      </c>
      <c r="T122" s="60" t="s">
        <v>156</v>
      </c>
      <c r="U122" s="62" t="s">
        <v>85</v>
      </c>
      <c r="V122" s="60" t="s">
        <v>301</v>
      </c>
      <c r="W122" s="83" t="s">
        <v>315</v>
      </c>
      <c r="X122" s="33" t="s">
        <v>72</v>
      </c>
      <c r="Y122" s="34" t="s">
        <v>589</v>
      </c>
      <c r="Z122" s="35" t="s">
        <v>73</v>
      </c>
      <c r="AA122" s="33" t="s">
        <v>346</v>
      </c>
      <c r="AB122" s="35" t="s">
        <v>347</v>
      </c>
      <c r="AC122" s="33" t="s">
        <v>343</v>
      </c>
      <c r="AD122" s="35" t="s">
        <v>345</v>
      </c>
      <c r="AE122" s="33" t="s">
        <v>348</v>
      </c>
      <c r="AF122" s="35" t="s">
        <v>349</v>
      </c>
      <c r="AG122" s="33" t="s">
        <v>301</v>
      </c>
      <c r="AH122" s="84" t="s">
        <v>315</v>
      </c>
    </row>
    <row r="123" spans="1:34" ht="84">
      <c r="A123" s="36"/>
      <c r="B123" s="37" t="s">
        <v>74</v>
      </c>
      <c r="C123" s="123" t="s">
        <v>575</v>
      </c>
      <c r="D123" s="39" t="s">
        <v>76</v>
      </c>
      <c r="E123" s="37" t="s">
        <v>161</v>
      </c>
      <c r="F123" s="39" t="s">
        <v>128</v>
      </c>
      <c r="G123" s="37" t="s">
        <v>160</v>
      </c>
      <c r="H123" s="39" t="s">
        <v>127</v>
      </c>
      <c r="I123" s="37" t="s">
        <v>159</v>
      </c>
      <c r="J123" s="39" t="s">
        <v>126</v>
      </c>
      <c r="K123" s="37" t="s">
        <v>301</v>
      </c>
      <c r="L123" s="86" t="s">
        <v>88</v>
      </c>
      <c r="M123" s="63" t="s">
        <v>74</v>
      </c>
      <c r="N123" s="254" t="s">
        <v>575</v>
      </c>
      <c r="O123" s="65" t="s">
        <v>76</v>
      </c>
      <c r="P123" s="63" t="s">
        <v>161</v>
      </c>
      <c r="Q123" s="65" t="s">
        <v>128</v>
      </c>
      <c r="R123" s="63" t="s">
        <v>160</v>
      </c>
      <c r="S123" s="65" t="s">
        <v>127</v>
      </c>
      <c r="T123" s="63" t="s">
        <v>159</v>
      </c>
      <c r="U123" s="65" t="s">
        <v>126</v>
      </c>
      <c r="V123" s="63" t="s">
        <v>301</v>
      </c>
      <c r="W123" s="85" t="s">
        <v>88</v>
      </c>
      <c r="X123" s="37" t="s">
        <v>74</v>
      </c>
      <c r="Y123" s="123" t="s">
        <v>574</v>
      </c>
      <c r="Z123" s="39" t="s">
        <v>76</v>
      </c>
      <c r="AA123" s="37" t="s">
        <v>342</v>
      </c>
      <c r="AB123" s="39" t="s">
        <v>88</v>
      </c>
      <c r="AC123" s="37" t="s">
        <v>344</v>
      </c>
      <c r="AD123" s="39" t="s">
        <v>88</v>
      </c>
      <c r="AE123" s="37" t="s">
        <v>159</v>
      </c>
      <c r="AF123" s="39" t="s">
        <v>88</v>
      </c>
      <c r="AG123" s="37" t="s">
        <v>301</v>
      </c>
      <c r="AH123" s="86" t="s">
        <v>88</v>
      </c>
    </row>
    <row r="124" spans="1:34">
      <c r="A124" s="40" t="s">
        <v>350</v>
      </c>
      <c r="B124" s="167">
        <v>12544</v>
      </c>
      <c r="C124" s="162">
        <v>3.2020242938552061</v>
      </c>
      <c r="D124" s="81">
        <v>3.153995798480589E-2</v>
      </c>
      <c r="E124" s="170">
        <v>0.54132231395590125</v>
      </c>
      <c r="F124" s="89">
        <v>8.8966286615720213E-3</v>
      </c>
      <c r="G124" s="169">
        <v>0.18931842611000591</v>
      </c>
      <c r="H124" s="89">
        <v>6.99602529067041E-3</v>
      </c>
      <c r="I124" s="169">
        <v>0.18067742109804744</v>
      </c>
      <c r="J124" s="89">
        <v>6.8709607644124732E-3</v>
      </c>
      <c r="K124" s="88">
        <v>8.8681838836064675E-2</v>
      </c>
      <c r="L124" s="89">
        <v>5.0790755597446618E-3</v>
      </c>
      <c r="M124" s="167">
        <v>13868</v>
      </c>
      <c r="N124" s="162">
        <v>4.2251086056961293</v>
      </c>
      <c r="O124" s="81">
        <v>3.4600329527097004E-2</v>
      </c>
      <c r="P124" s="170">
        <v>0.3086532060730165</v>
      </c>
      <c r="Q124" s="89">
        <v>7.8445007978317771E-3</v>
      </c>
      <c r="R124" s="169">
        <v>0.17006063879593769</v>
      </c>
      <c r="S124" s="89">
        <v>6.3809022605139723E-3</v>
      </c>
      <c r="T124" s="169">
        <v>0.38657136831239003</v>
      </c>
      <c r="U124" s="89">
        <v>8.2692117420913973E-3</v>
      </c>
      <c r="V124" s="88">
        <v>0.13471478681867408</v>
      </c>
      <c r="W124" s="89">
        <v>5.7995061308474616E-3</v>
      </c>
      <c r="X124" s="167">
        <v>12646</v>
      </c>
      <c r="Y124" s="162">
        <v>4.0793748706653501</v>
      </c>
      <c r="Z124" s="81">
        <v>3.006042364766669E-2</v>
      </c>
      <c r="AA124" s="170">
        <v>0.32015440915641791</v>
      </c>
      <c r="AB124" s="89">
        <v>8.2964064833803784E-3</v>
      </c>
      <c r="AC124" s="169">
        <v>0.21623776700014877</v>
      </c>
      <c r="AD124" s="89">
        <v>7.3216320227927588E-3</v>
      </c>
      <c r="AE124" s="169">
        <v>0.34397079789181911</v>
      </c>
      <c r="AF124" s="89">
        <v>8.4473778100156386E-3</v>
      </c>
      <c r="AG124" s="88">
        <v>0.11963702595163563</v>
      </c>
      <c r="AH124" s="89">
        <v>5.7734704206014557E-3</v>
      </c>
    </row>
    <row r="125" spans="1:34">
      <c r="A125" s="44" t="s">
        <v>351</v>
      </c>
      <c r="B125" s="168">
        <v>8843</v>
      </c>
      <c r="C125" s="164">
        <v>3.2124908083789454</v>
      </c>
      <c r="D125" s="82">
        <v>3.8363003004730611E-2</v>
      </c>
      <c r="E125" s="172">
        <v>0.53095192952762793</v>
      </c>
      <c r="F125" s="92">
        <v>1.0611310330756832E-2</v>
      </c>
      <c r="G125" s="171">
        <v>0.1800685870428696</v>
      </c>
      <c r="H125" s="92">
        <v>8.1728923267226986E-3</v>
      </c>
      <c r="I125" s="171">
        <v>0.19505282949331718</v>
      </c>
      <c r="J125" s="92">
        <v>8.4276800677694375E-3</v>
      </c>
      <c r="K125" s="91">
        <v>9.392665393618771E-2</v>
      </c>
      <c r="L125" s="92">
        <v>6.2085205488478408E-3</v>
      </c>
      <c r="M125" s="168">
        <v>10167</v>
      </c>
      <c r="N125" s="164">
        <v>4.2642339328417718</v>
      </c>
      <c r="O125" s="82">
        <v>4.1164911193939904E-2</v>
      </c>
      <c r="P125" s="172">
        <v>0.3051613242877792</v>
      </c>
      <c r="Q125" s="92">
        <v>9.132411585747565E-3</v>
      </c>
      <c r="R125" s="171">
        <v>0.1551825020099766</v>
      </c>
      <c r="S125" s="92">
        <v>7.1829990453528506E-3</v>
      </c>
      <c r="T125" s="171">
        <v>0.39409960450788062</v>
      </c>
      <c r="U125" s="92">
        <v>9.6908039136822926E-3</v>
      </c>
      <c r="V125" s="91">
        <v>0.14555656919436291</v>
      </c>
      <c r="W125" s="92">
        <v>6.9964568000390956E-3</v>
      </c>
      <c r="X125" s="168">
        <v>8860</v>
      </c>
      <c r="Y125" s="164">
        <v>3.9392030712344388</v>
      </c>
      <c r="Z125" s="82">
        <v>3.5301255594685318E-2</v>
      </c>
      <c r="AA125" s="172">
        <v>0.33611635361931547</v>
      </c>
      <c r="AB125" s="92">
        <v>1.0035280384670728E-2</v>
      </c>
      <c r="AC125" s="171">
        <v>0.22551111145911626</v>
      </c>
      <c r="AD125" s="92">
        <v>8.8795549367867554E-3</v>
      </c>
      <c r="AE125" s="171">
        <v>0.30451770882129348</v>
      </c>
      <c r="AF125" s="92">
        <v>9.7768688052502807E-3</v>
      </c>
      <c r="AG125" s="91">
        <v>0.1338548261002768</v>
      </c>
      <c r="AH125" s="92">
        <v>7.2369227002307725E-3</v>
      </c>
    </row>
    <row r="126" spans="1:34">
      <c r="A126" s="40" t="s">
        <v>352</v>
      </c>
      <c r="B126" s="167">
        <v>3701</v>
      </c>
      <c r="C126" s="162">
        <v>3.1938173255393223</v>
      </c>
      <c r="D126" s="81">
        <v>5.4962690047433468E-2</v>
      </c>
      <c r="E126" s="170">
        <v>0.54953826598148137</v>
      </c>
      <c r="F126" s="89">
        <v>1.634814408660501E-2</v>
      </c>
      <c r="G126" s="169">
        <v>0.19664662445651993</v>
      </c>
      <c r="H126" s="89">
        <v>1.3067883512336344E-2</v>
      </c>
      <c r="I126" s="169">
        <v>0.16928848305618316</v>
      </c>
      <c r="J126" s="89">
        <v>1.2332151755394649E-2</v>
      </c>
      <c r="K126" s="88">
        <v>8.4526626505818131E-2</v>
      </c>
      <c r="L126" s="89">
        <v>9.1621706207656636E-3</v>
      </c>
      <c r="M126" s="167">
        <v>3701</v>
      </c>
      <c r="N126" s="162">
        <v>4.1940876797281677</v>
      </c>
      <c r="O126" s="81">
        <v>6.3343293074124188E-2</v>
      </c>
      <c r="P126" s="170">
        <v>0.31148540377649131</v>
      </c>
      <c r="Q126" s="89">
        <v>1.5219099452797338E-2</v>
      </c>
      <c r="R126" s="169">
        <v>0.18212800746102167</v>
      </c>
      <c r="S126" s="89">
        <v>1.2690670667667259E-2</v>
      </c>
      <c r="T126" s="169">
        <v>0.3804653617017546</v>
      </c>
      <c r="U126" s="89">
        <v>1.5953451384760974E-2</v>
      </c>
      <c r="V126" s="88">
        <v>0.12592122706073255</v>
      </c>
      <c r="W126" s="89">
        <v>1.0915801530190013E-2</v>
      </c>
      <c r="X126" s="167">
        <v>3786</v>
      </c>
      <c r="Y126" s="162">
        <v>4.1849847042447967</v>
      </c>
      <c r="Z126" s="81">
        <v>5.6530235627231418E-2</v>
      </c>
      <c r="AA126" s="170">
        <v>0.30777769801184185</v>
      </c>
      <c r="AB126" s="89">
        <v>1.4997925589034594E-2</v>
      </c>
      <c r="AC126" s="169">
        <v>0.20904732062442041</v>
      </c>
      <c r="AD126" s="89">
        <v>1.3217288275458684E-2</v>
      </c>
      <c r="AE126" s="169">
        <v>0.37456227678848397</v>
      </c>
      <c r="AF126" s="89">
        <v>1.5725165049146072E-2</v>
      </c>
      <c r="AG126" s="88">
        <v>0.1086127045752539</v>
      </c>
      <c r="AH126" s="89">
        <v>1.0125292030321332E-2</v>
      </c>
    </row>
    <row r="127" spans="1:34">
      <c r="A127" s="44" t="s">
        <v>534</v>
      </c>
      <c r="B127" s="168">
        <v>1740</v>
      </c>
      <c r="C127" s="164">
        <v>3.2252221228935758</v>
      </c>
      <c r="D127" s="82">
        <v>8.1265725042214298E-2</v>
      </c>
      <c r="E127" s="172">
        <v>0.52718977023901881</v>
      </c>
      <c r="F127" s="92">
        <v>2.3910388116794606E-2</v>
      </c>
      <c r="G127" s="171">
        <v>0.19622869491326334</v>
      </c>
      <c r="H127" s="92">
        <v>1.9045202013238016E-2</v>
      </c>
      <c r="I127" s="171">
        <v>0.19036775907823825</v>
      </c>
      <c r="J127" s="92">
        <v>1.8828484145491185E-2</v>
      </c>
      <c r="K127" s="91">
        <v>8.6213775769482567E-2</v>
      </c>
      <c r="L127" s="92">
        <v>1.3508871395075403E-2</v>
      </c>
      <c r="M127" s="168">
        <v>1876</v>
      </c>
      <c r="N127" s="164">
        <v>4.2413197331776749</v>
      </c>
      <c r="O127" s="82">
        <v>9.1717161495550217E-2</v>
      </c>
      <c r="P127" s="172">
        <v>0.30539437031417199</v>
      </c>
      <c r="Q127" s="92">
        <v>2.1252766134807342E-2</v>
      </c>
      <c r="R127" s="171">
        <v>0.17119984189158091</v>
      </c>
      <c r="S127" s="92">
        <v>1.740322831604716E-2</v>
      </c>
      <c r="T127" s="171">
        <v>0.39134687131593709</v>
      </c>
      <c r="U127" s="92">
        <v>2.2514519209703439E-2</v>
      </c>
      <c r="V127" s="91">
        <v>0.13205891647831117</v>
      </c>
      <c r="W127" s="92">
        <v>1.5655522717428913E-2</v>
      </c>
      <c r="X127" s="168">
        <v>1745</v>
      </c>
      <c r="Y127" s="164">
        <v>4.0689073472614758</v>
      </c>
      <c r="Z127" s="82">
        <v>8.0072764974053939E-2</v>
      </c>
      <c r="AA127" s="172">
        <v>0.31751496100885496</v>
      </c>
      <c r="AB127" s="92">
        <v>2.2269792044451332E-2</v>
      </c>
      <c r="AC127" s="171">
        <v>0.22239812816564972</v>
      </c>
      <c r="AD127" s="92">
        <v>1.9907693573798249E-2</v>
      </c>
      <c r="AE127" s="171">
        <v>0.34499202323350386</v>
      </c>
      <c r="AF127" s="92">
        <v>2.2738843689381661E-2</v>
      </c>
      <c r="AG127" s="91">
        <v>0.11509488759199399</v>
      </c>
      <c r="AH127" s="92">
        <v>1.5312631721431595E-2</v>
      </c>
    </row>
    <row r="128" spans="1:34">
      <c r="A128" s="40" t="s">
        <v>535</v>
      </c>
      <c r="B128" s="167">
        <v>1396</v>
      </c>
      <c r="C128" s="162">
        <v>3.2458749092263965</v>
      </c>
      <c r="D128" s="81">
        <v>9.2533697253244285E-2</v>
      </c>
      <c r="E128" s="170">
        <v>0.52321002379075188</v>
      </c>
      <c r="F128" s="89">
        <v>2.6697478142727413E-2</v>
      </c>
      <c r="G128" s="169">
        <v>0.19130284478722376</v>
      </c>
      <c r="H128" s="89">
        <v>2.1061123645069284E-2</v>
      </c>
      <c r="I128" s="169">
        <v>0.20459140331242109</v>
      </c>
      <c r="J128" s="89">
        <v>2.1595747785713593E-2</v>
      </c>
      <c r="K128" s="88">
        <v>8.0895728109603715E-2</v>
      </c>
      <c r="L128" s="89">
        <v>1.467299565368951E-2</v>
      </c>
      <c r="M128" s="167">
        <v>1533</v>
      </c>
      <c r="N128" s="162">
        <v>4.2585403340683756</v>
      </c>
      <c r="O128" s="81">
        <v>0.10264098262858305</v>
      </c>
      <c r="P128" s="170">
        <v>0.30723523528264224</v>
      </c>
      <c r="Q128" s="89">
        <v>2.3546070538463446E-2</v>
      </c>
      <c r="R128" s="169">
        <v>0.16473539314088625</v>
      </c>
      <c r="S128" s="89">
        <v>1.8963508438966867E-2</v>
      </c>
      <c r="T128" s="169">
        <v>0.40092884538519868</v>
      </c>
      <c r="U128" s="89">
        <v>2.5004146792935757E-2</v>
      </c>
      <c r="V128" s="88">
        <v>0.12710052619127199</v>
      </c>
      <c r="W128" s="89">
        <v>1.704743347037161E-2</v>
      </c>
      <c r="X128" s="167">
        <v>1388</v>
      </c>
      <c r="Y128" s="162">
        <v>3.9562366016977717</v>
      </c>
      <c r="Z128" s="81">
        <v>8.8571604421664271E-2</v>
      </c>
      <c r="AA128" s="170">
        <v>0.33883273308516343</v>
      </c>
      <c r="AB128" s="89">
        <v>2.5380675207958933E-2</v>
      </c>
      <c r="AC128" s="169">
        <v>0.22659053003394597</v>
      </c>
      <c r="AD128" s="89">
        <v>2.2468129274066873E-2</v>
      </c>
      <c r="AE128" s="169">
        <v>0.31379179939565932</v>
      </c>
      <c r="AF128" s="89">
        <v>2.4886263848991379E-2</v>
      </c>
      <c r="AG128" s="88">
        <v>0.12078493748523261</v>
      </c>
      <c r="AH128" s="89">
        <v>1.7536596303966721E-2</v>
      </c>
    </row>
    <row r="129" spans="1:34">
      <c r="A129" s="44" t="s">
        <v>546</v>
      </c>
      <c r="B129" s="168">
        <v>348</v>
      </c>
      <c r="C129" s="164">
        <v>3.1774529571182084</v>
      </c>
      <c r="D129" s="82">
        <v>0.16623608182225499</v>
      </c>
      <c r="E129" s="172">
        <v>0.53715377719973045</v>
      </c>
      <c r="F129" s="92">
        <v>5.3156158390370321E-2</v>
      </c>
      <c r="G129" s="171">
        <v>0.20963019596495375</v>
      </c>
      <c r="H129" s="92">
        <v>4.3639891389542496E-2</v>
      </c>
      <c r="I129" s="171">
        <v>0.15123031035277046</v>
      </c>
      <c r="J129" s="92">
        <v>3.8598832426370848E-2</v>
      </c>
      <c r="K129" s="91">
        <v>0.10198571648254479</v>
      </c>
      <c r="L129" s="92">
        <v>3.2884875444051422E-2</v>
      </c>
      <c r="M129" s="168">
        <v>347</v>
      </c>
      <c r="N129" s="164">
        <v>4.2029658518409443</v>
      </c>
      <c r="O129" s="82">
        <v>0.20104118071517937</v>
      </c>
      <c r="P129" s="172">
        <v>0.29632783655530737</v>
      </c>
      <c r="Q129" s="92">
        <v>4.8856756639479464E-2</v>
      </c>
      <c r="R129" s="171">
        <v>0.19275969237737198</v>
      </c>
      <c r="S129" s="92">
        <v>4.2398546416740047E-2</v>
      </c>
      <c r="T129" s="171">
        <v>0.36413249448715557</v>
      </c>
      <c r="U129" s="92">
        <v>5.1414007406458732E-2</v>
      </c>
      <c r="V129" s="91">
        <v>0.14677997658016509</v>
      </c>
      <c r="W129" s="92">
        <v>3.8202197804532038E-2</v>
      </c>
      <c r="X129" s="168">
        <v>361</v>
      </c>
      <c r="Y129" s="164">
        <v>4.4127680910158391</v>
      </c>
      <c r="Z129" s="82">
        <v>0.18022519859351552</v>
      </c>
      <c r="AA129" s="172">
        <v>0.25046293692559324</v>
      </c>
      <c r="AB129" s="92">
        <v>4.5521462077308991E-2</v>
      </c>
      <c r="AC129" s="171">
        <v>0.21020448693229274</v>
      </c>
      <c r="AD129" s="92">
        <v>4.2888726841579496E-2</v>
      </c>
      <c r="AE129" s="171">
        <v>0.44217906724609535</v>
      </c>
      <c r="AF129" s="92">
        <v>5.1998905695051258E-2</v>
      </c>
      <c r="AG129" s="91">
        <v>9.7153508896017746E-2</v>
      </c>
      <c r="AH129" s="92">
        <v>3.1623149577629794E-2</v>
      </c>
    </row>
    <row r="130" spans="1:34">
      <c r="A130" s="40" t="s">
        <v>536</v>
      </c>
      <c r="B130" s="167">
        <v>234</v>
      </c>
      <c r="C130" s="162">
        <v>2.8800437112167678</v>
      </c>
      <c r="D130" s="81">
        <v>0.22087921365035698</v>
      </c>
      <c r="E130" s="170">
        <v>0.63602275951028464</v>
      </c>
      <c r="F130" s="89">
        <v>6.2458659275012769E-2</v>
      </c>
      <c r="G130" s="169">
        <v>0.138326661252615</v>
      </c>
      <c r="H130" s="89">
        <v>4.5568738657537092E-2</v>
      </c>
      <c r="I130" s="169">
        <v>0.14892163566620437</v>
      </c>
      <c r="J130" s="89">
        <v>4.6895597596069871E-2</v>
      </c>
      <c r="K130" s="88">
        <v>7.6728943570895866E-2</v>
      </c>
      <c r="L130" s="89">
        <v>3.5930169741864075E-2</v>
      </c>
      <c r="M130" s="167">
        <v>296</v>
      </c>
      <c r="N130" s="162">
        <v>4.0064381613637376</v>
      </c>
      <c r="O130" s="81">
        <v>0.24348348691047475</v>
      </c>
      <c r="P130" s="170">
        <v>0.39648228257435231</v>
      </c>
      <c r="Q130" s="89">
        <v>5.6517600200938843E-2</v>
      </c>
      <c r="R130" s="169">
        <v>9.5876994769204485E-2</v>
      </c>
      <c r="S130" s="89">
        <v>3.4834970975843989E-2</v>
      </c>
      <c r="T130" s="169">
        <v>0.37937852952926826</v>
      </c>
      <c r="U130" s="89">
        <v>5.6075646762458679E-2</v>
      </c>
      <c r="V130" s="88">
        <v>0.12826219312717296</v>
      </c>
      <c r="W130" s="89">
        <v>3.9237987704117121E-2</v>
      </c>
      <c r="X130" s="167">
        <v>234</v>
      </c>
      <c r="Y130" s="162">
        <v>3.732599218748109</v>
      </c>
      <c r="Z130" s="81">
        <v>0.21184579663570691</v>
      </c>
      <c r="AA130" s="170">
        <v>0.3537442776817224</v>
      </c>
      <c r="AB130" s="89">
        <v>6.208184322741845E-2</v>
      </c>
      <c r="AC130" s="169">
        <v>0.23356897990342915</v>
      </c>
      <c r="AD130" s="89">
        <v>5.5212428175227243E-2</v>
      </c>
      <c r="AE130" s="169">
        <v>0.25088053265355964</v>
      </c>
      <c r="AF130" s="89">
        <v>5.6510284412330032E-2</v>
      </c>
      <c r="AG130" s="88">
        <v>0.16180620976128871</v>
      </c>
      <c r="AH130" s="89">
        <v>4.840952617269266E-2</v>
      </c>
    </row>
    <row r="131" spans="1:34">
      <c r="A131" s="44" t="s">
        <v>537</v>
      </c>
      <c r="B131" s="168">
        <v>58</v>
      </c>
      <c r="C131" s="164">
        <v>2.7416513048427436</v>
      </c>
      <c r="D131" s="82">
        <v>0.45399146307619787</v>
      </c>
      <c r="E131" s="172">
        <v>0.7171952332244339</v>
      </c>
      <c r="F131" s="92">
        <v>0.11604137632628383</v>
      </c>
      <c r="G131" s="171">
        <v>0.12638378276860457</v>
      </c>
      <c r="H131" s="92">
        <v>9.081757688198977E-2</v>
      </c>
      <c r="I131" s="171">
        <v>0.13197592103504102</v>
      </c>
      <c r="J131" s="92">
        <v>9.2097730471708425E-2</v>
      </c>
      <c r="K131" s="91">
        <v>2.4445062971920502E-2</v>
      </c>
      <c r="L131" s="92">
        <v>5.7969484651511312E-2</v>
      </c>
      <c r="M131" s="168">
        <v>88</v>
      </c>
      <c r="N131" s="164">
        <v>4.0731582456848043</v>
      </c>
      <c r="O131" s="82">
        <v>0.44628872060655328</v>
      </c>
      <c r="P131" s="172">
        <v>0.38540048366485924</v>
      </c>
      <c r="Q131" s="92">
        <v>0.1017208731837977</v>
      </c>
      <c r="R131" s="171">
        <v>0.11486464872861457</v>
      </c>
      <c r="S131" s="92">
        <v>7.049161539494786E-2</v>
      </c>
      <c r="T131" s="171">
        <v>0.45461672366883471</v>
      </c>
      <c r="U131" s="92">
        <v>0.1038635317116398</v>
      </c>
      <c r="V131" s="91">
        <v>4.5118143937691438E-2</v>
      </c>
      <c r="W131" s="92">
        <v>5.1365770607399858E-2</v>
      </c>
      <c r="X131" s="168">
        <v>58</v>
      </c>
      <c r="Y131" s="164">
        <v>3.5312092655460456</v>
      </c>
      <c r="Z131" s="82">
        <v>0.44831476831339073</v>
      </c>
      <c r="AA131" s="172">
        <v>0.46082771116291676</v>
      </c>
      <c r="AB131" s="92">
        <v>0.12665858113670136</v>
      </c>
      <c r="AC131" s="171">
        <v>0.14379445625550583</v>
      </c>
      <c r="AD131" s="92">
        <v>9.468501442461677E-2</v>
      </c>
      <c r="AE131" s="171">
        <v>0.26531223552503697</v>
      </c>
      <c r="AF131" s="92">
        <v>0.1141021846382677</v>
      </c>
      <c r="AG131" s="91">
        <v>0.13006559705654044</v>
      </c>
      <c r="AH131" s="92">
        <v>9.1664595364072454E-2</v>
      </c>
    </row>
    <row r="132" spans="1:34">
      <c r="A132" s="40" t="s">
        <v>538</v>
      </c>
      <c r="B132" s="167">
        <v>74</v>
      </c>
      <c r="C132" s="162">
        <v>3.0470203565229195</v>
      </c>
      <c r="D132" s="81">
        <v>0.38779634904818178</v>
      </c>
      <c r="E132" s="170">
        <v>0.5888092292300563</v>
      </c>
      <c r="F132" s="89">
        <v>0.11160854442466821</v>
      </c>
      <c r="G132" s="169">
        <v>0.14521899305910904</v>
      </c>
      <c r="H132" s="89">
        <v>8.3730066270582673E-2</v>
      </c>
      <c r="I132" s="169">
        <v>0.14769190985923947</v>
      </c>
      <c r="J132" s="89">
        <v>8.4210648018279918E-2</v>
      </c>
      <c r="K132" s="88">
        <v>0.11827986785159546</v>
      </c>
      <c r="L132" s="89">
        <v>7.807004965714269E-2</v>
      </c>
      <c r="M132" s="167">
        <v>89</v>
      </c>
      <c r="N132" s="162">
        <v>4.0235282079301102</v>
      </c>
      <c r="O132" s="81">
        <v>0.42457211297781955</v>
      </c>
      <c r="P132" s="170">
        <v>0.34327905683381021</v>
      </c>
      <c r="Q132" s="89">
        <v>9.89201746992113E-2</v>
      </c>
      <c r="R132" s="169">
        <v>0.12139055243228736</v>
      </c>
      <c r="S132" s="89">
        <v>7.1458077340871423E-2</v>
      </c>
      <c r="T132" s="169">
        <v>0.33580782668742537</v>
      </c>
      <c r="U132" s="89">
        <v>9.8441646431124269E-2</v>
      </c>
      <c r="V132" s="88">
        <v>0.1995225640464772</v>
      </c>
      <c r="W132" s="89">
        <v>8.4830731862912748E-2</v>
      </c>
      <c r="X132" s="167">
        <v>74</v>
      </c>
      <c r="Y132" s="162">
        <v>3.4651696422608493</v>
      </c>
      <c r="Z132" s="81">
        <v>0.38965321400047498</v>
      </c>
      <c r="AA132" s="170">
        <v>0.35243829795567144</v>
      </c>
      <c r="AB132" s="89">
        <v>0.10869896281736746</v>
      </c>
      <c r="AC132" s="169">
        <v>0.2485288710576824</v>
      </c>
      <c r="AD132" s="89">
        <v>9.9506960595608485E-2</v>
      </c>
      <c r="AE132" s="169">
        <v>0.13570089769508398</v>
      </c>
      <c r="AF132" s="89">
        <v>8.1821827136412353E-2</v>
      </c>
      <c r="AG132" s="88">
        <v>0.26333193329156251</v>
      </c>
      <c r="AH132" s="89">
        <v>0.1011689931768297</v>
      </c>
    </row>
    <row r="133" spans="1:34">
      <c r="A133" s="44" t="s">
        <v>539</v>
      </c>
      <c r="B133" s="168">
        <v>85</v>
      </c>
      <c r="C133" s="164">
        <v>2.9484109193622996</v>
      </c>
      <c r="D133" s="82">
        <v>0.36878045627547557</v>
      </c>
      <c r="E133" s="172">
        <v>0.59861468769700354</v>
      </c>
      <c r="F133" s="92">
        <v>0.10410229284176807</v>
      </c>
      <c r="G133" s="171">
        <v>0.14658751108897763</v>
      </c>
      <c r="H133" s="92">
        <v>7.820294015256879E-2</v>
      </c>
      <c r="I133" s="171">
        <v>0.1669520043591855</v>
      </c>
      <c r="J133" s="92">
        <v>8.1784974901757596E-2</v>
      </c>
      <c r="K133" s="91">
        <v>8.7845796854833846E-2</v>
      </c>
      <c r="L133" s="92">
        <v>6.5361602117251699E-2</v>
      </c>
      <c r="M133" s="168">
        <v>100</v>
      </c>
      <c r="N133" s="164">
        <v>4.1071143048027396</v>
      </c>
      <c r="O133" s="82">
        <v>0.43545396463335195</v>
      </c>
      <c r="P133" s="172">
        <v>0.40624525567631375</v>
      </c>
      <c r="Q133" s="92">
        <v>9.6451102635430552E-2</v>
      </c>
      <c r="R133" s="171">
        <v>5.4612226822539724E-2</v>
      </c>
      <c r="S133" s="92">
        <v>5.060994725273691E-2</v>
      </c>
      <c r="T133" s="171">
        <v>0.39804930368703073</v>
      </c>
      <c r="U133" s="92">
        <v>9.6154965881294768E-2</v>
      </c>
      <c r="V133" s="91">
        <v>0.14109321381411644</v>
      </c>
      <c r="W133" s="92">
        <v>7.0956145971634396E-2</v>
      </c>
      <c r="X133" s="168">
        <v>85</v>
      </c>
      <c r="Y133" s="164">
        <v>4.0516382640195285</v>
      </c>
      <c r="Z133" s="82">
        <v>0.33106558906697664</v>
      </c>
      <c r="AA133" s="172">
        <v>0.28527310110813708</v>
      </c>
      <c r="AB133" s="92">
        <v>9.6673603747241835E-2</v>
      </c>
      <c r="AC133" s="171">
        <v>0.26920433008763373</v>
      </c>
      <c r="AD133" s="92">
        <v>9.5143599489609335E-2</v>
      </c>
      <c r="AE133" s="171">
        <v>0.32659443899258839</v>
      </c>
      <c r="AF133" s="92">
        <v>0.10001632406489923</v>
      </c>
      <c r="AG133" s="91">
        <v>0.11892812981164157</v>
      </c>
      <c r="AH133" s="92">
        <v>7.2683399813757585E-2</v>
      </c>
    </row>
    <row r="134" spans="1:34">
      <c r="A134" s="40" t="s">
        <v>540</v>
      </c>
      <c r="B134" s="167">
        <v>102</v>
      </c>
      <c r="C134" s="162">
        <v>3.1104703538279965</v>
      </c>
      <c r="D134" s="81">
        <v>0.33081522743939429</v>
      </c>
      <c r="E134" s="170">
        <v>0.58926711217223615</v>
      </c>
      <c r="F134" s="89">
        <v>9.5684513149061318E-2</v>
      </c>
      <c r="G134" s="169">
        <v>0.18337205602107265</v>
      </c>
      <c r="H134" s="89">
        <v>7.7012684183653451E-2</v>
      </c>
      <c r="I134" s="169">
        <v>0.1960148958561945</v>
      </c>
      <c r="J134" s="89">
        <v>7.8772559738120917E-2</v>
      </c>
      <c r="K134" s="88">
        <v>3.1345935950496721E-2</v>
      </c>
      <c r="L134" s="89">
        <v>4.1946487249586946E-2</v>
      </c>
      <c r="M134" s="167">
        <v>113</v>
      </c>
      <c r="N134" s="162">
        <v>4.1069235543126723</v>
      </c>
      <c r="O134" s="81">
        <v>0.37016036870384278</v>
      </c>
      <c r="P134" s="170">
        <v>0.35428536727792698</v>
      </c>
      <c r="Q134" s="89">
        <v>8.8712392443071483E-2</v>
      </c>
      <c r="R134" s="169">
        <v>0.1429542015807817</v>
      </c>
      <c r="S134" s="89">
        <v>6.6944547032323762E-2</v>
      </c>
      <c r="T134" s="169">
        <v>0.41510510500753739</v>
      </c>
      <c r="U134" s="89">
        <v>9.1198520953469975E-2</v>
      </c>
      <c r="V134" s="88">
        <v>8.7655326133753916E-2</v>
      </c>
      <c r="W134" s="89">
        <v>5.5899480118209208E-2</v>
      </c>
      <c r="X134" s="167">
        <v>102</v>
      </c>
      <c r="Y134" s="162">
        <v>3.9257935862457529</v>
      </c>
      <c r="Z134" s="81">
        <v>0.3355841366421175</v>
      </c>
      <c r="AA134" s="170">
        <v>0.35057438340458769</v>
      </c>
      <c r="AB134" s="89">
        <v>9.3025726475877563E-2</v>
      </c>
      <c r="AC134" s="169">
        <v>0.21977452861722782</v>
      </c>
      <c r="AD134" s="89">
        <v>8.1793199534801589E-2</v>
      </c>
      <c r="AE134" s="169">
        <v>0.3337130375280431</v>
      </c>
      <c r="AF134" s="89">
        <v>9.2020540236689416E-2</v>
      </c>
      <c r="AG134" s="88">
        <v>9.593805045014149E-2</v>
      </c>
      <c r="AH134" s="89">
        <v>6.106705800983369E-2</v>
      </c>
    </row>
    <row r="135" spans="1:34">
      <c r="A135" s="44" t="s">
        <v>541</v>
      </c>
      <c r="B135" s="168">
        <v>93</v>
      </c>
      <c r="C135" s="164">
        <v>3.1946306964076627</v>
      </c>
      <c r="D135" s="82">
        <v>0.38336557308844138</v>
      </c>
      <c r="E135" s="172">
        <v>0.57181068087478781</v>
      </c>
      <c r="F135" s="92">
        <v>0.1005674124752008</v>
      </c>
      <c r="G135" s="171">
        <v>0.17854810181165742</v>
      </c>
      <c r="H135" s="92">
        <v>7.9952339731632072E-2</v>
      </c>
      <c r="I135" s="171">
        <v>0.19935081661904358</v>
      </c>
      <c r="J135" s="92">
        <v>8.2963462385323691E-2</v>
      </c>
      <c r="K135" s="91">
        <v>5.0290400694511295E-2</v>
      </c>
      <c r="L135" s="92">
        <v>5.1411760781829345E-2</v>
      </c>
      <c r="M135" s="168">
        <v>112</v>
      </c>
      <c r="N135" s="164">
        <v>4.5013756804438438</v>
      </c>
      <c r="O135" s="82">
        <v>0.36647667680109641</v>
      </c>
      <c r="P135" s="172">
        <v>0.24266019725991786</v>
      </c>
      <c r="Q135" s="92">
        <v>8.0572229038572987E-2</v>
      </c>
      <c r="R135" s="171">
        <v>0.19718984709623719</v>
      </c>
      <c r="S135" s="92">
        <v>7.5320168326228232E-2</v>
      </c>
      <c r="T135" s="171">
        <v>0.40746360149322236</v>
      </c>
      <c r="U135" s="92">
        <v>9.1353308781761872E-2</v>
      </c>
      <c r="V135" s="91">
        <v>0.15268635415062246</v>
      </c>
      <c r="W135" s="92">
        <v>6.8869913944029151E-2</v>
      </c>
      <c r="X135" s="168">
        <v>94</v>
      </c>
      <c r="Y135" s="164">
        <v>3.722503477979314</v>
      </c>
      <c r="Z135" s="82">
        <v>0.31064719460678236</v>
      </c>
      <c r="AA135" s="172">
        <v>0.37759341112620126</v>
      </c>
      <c r="AB135" s="92">
        <v>9.8190734340397032E-2</v>
      </c>
      <c r="AC135" s="171">
        <v>0.25831773891754156</v>
      </c>
      <c r="AD135" s="92">
        <v>8.950215222682581E-2</v>
      </c>
      <c r="AE135" s="171">
        <v>0.19837195824706999</v>
      </c>
      <c r="AF135" s="92">
        <v>8.2386805731807913E-2</v>
      </c>
      <c r="AG135" s="91">
        <v>0.16571689170918741</v>
      </c>
      <c r="AH135" s="92">
        <v>7.7509892967523572E-2</v>
      </c>
    </row>
    <row r="136" spans="1:34">
      <c r="A136" s="40" t="s">
        <v>542</v>
      </c>
      <c r="B136" s="167">
        <v>162</v>
      </c>
      <c r="C136" s="162">
        <v>3.329624914458627</v>
      </c>
      <c r="D136" s="81">
        <v>0.27767052940900988</v>
      </c>
      <c r="E136" s="170">
        <v>0.51717362987828708</v>
      </c>
      <c r="F136" s="89">
        <v>7.7571437553916045E-2</v>
      </c>
      <c r="G136" s="169">
        <v>0.18923555402401476</v>
      </c>
      <c r="H136" s="89">
        <v>6.1707350370228932E-2</v>
      </c>
      <c r="I136" s="169">
        <v>0.25579679283542339</v>
      </c>
      <c r="J136" s="89">
        <v>6.8231383996298009E-2</v>
      </c>
      <c r="K136" s="88">
        <v>3.7794023262274434E-2</v>
      </c>
      <c r="L136" s="89">
        <v>3.3486995624903974E-2</v>
      </c>
      <c r="M136" s="167">
        <v>171</v>
      </c>
      <c r="N136" s="162">
        <v>3.9377959499911936</v>
      </c>
      <c r="O136" s="81">
        <v>0.31195273036817384</v>
      </c>
      <c r="P136" s="170">
        <v>0.40741277725539199</v>
      </c>
      <c r="Q136" s="89">
        <v>7.4345142357394312E-2</v>
      </c>
      <c r="R136" s="169">
        <v>0.13255555046114517</v>
      </c>
      <c r="S136" s="89">
        <v>5.260878177174301E-2</v>
      </c>
      <c r="T136" s="169">
        <v>0.39037896671100131</v>
      </c>
      <c r="U136" s="89">
        <v>7.3837859280379073E-2</v>
      </c>
      <c r="V136" s="88">
        <v>6.9652705572460991E-2</v>
      </c>
      <c r="W136" s="89">
        <v>4.0895876098829352E-2</v>
      </c>
      <c r="X136" s="167">
        <v>161</v>
      </c>
      <c r="Y136" s="162">
        <v>3.6010709298478494</v>
      </c>
      <c r="Z136" s="81">
        <v>0.24960521543357897</v>
      </c>
      <c r="AA136" s="170">
        <v>0.40660335037421924</v>
      </c>
      <c r="AB136" s="89">
        <v>7.6545865759964873E-2</v>
      </c>
      <c r="AC136" s="169">
        <v>0.31527254099021218</v>
      </c>
      <c r="AD136" s="89">
        <v>7.261525335414401E-2</v>
      </c>
      <c r="AE136" s="169">
        <v>0.20882555113185078</v>
      </c>
      <c r="AF136" s="89">
        <v>6.406025262035335E-2</v>
      </c>
      <c r="AG136" s="88">
        <v>6.9298557503717398E-2</v>
      </c>
      <c r="AH136" s="89">
        <v>4.2177508916127045E-2</v>
      </c>
    </row>
    <row r="137" spans="1:34">
      <c r="A137" s="44" t="s">
        <v>547</v>
      </c>
      <c r="B137" s="168">
        <v>71</v>
      </c>
      <c r="C137" s="164">
        <v>3.4935996376220482</v>
      </c>
      <c r="D137" s="82">
        <v>0.42552961559446933</v>
      </c>
      <c r="E137" s="172">
        <v>0.50297222629783289</v>
      </c>
      <c r="F137" s="92">
        <v>0.11546822548210818</v>
      </c>
      <c r="G137" s="171">
        <v>0.18887754132979936</v>
      </c>
      <c r="H137" s="92">
        <v>9.3310239377750681E-2</v>
      </c>
      <c r="I137" s="171">
        <v>0.28319009471297574</v>
      </c>
      <c r="J137" s="92">
        <v>0.10529293433598082</v>
      </c>
      <c r="K137" s="91">
        <v>2.4960137659392232E-2</v>
      </c>
      <c r="L137" s="92">
        <v>5.0472936594165713E-2</v>
      </c>
      <c r="M137" s="168">
        <v>72</v>
      </c>
      <c r="N137" s="164">
        <v>4.0455461385091169</v>
      </c>
      <c r="O137" s="82">
        <v>0.46405695382800705</v>
      </c>
      <c r="P137" s="172">
        <v>0.39013771924794599</v>
      </c>
      <c r="Q137" s="92">
        <v>0.11219516408981452</v>
      </c>
      <c r="R137" s="171">
        <v>0.13417296078427529</v>
      </c>
      <c r="S137" s="92">
        <v>8.2681114244264345E-2</v>
      </c>
      <c r="T137" s="171">
        <v>0.401344447221269</v>
      </c>
      <c r="U137" s="92">
        <v>0.11268601898243541</v>
      </c>
      <c r="V137" s="91">
        <v>7.434487274650993E-2</v>
      </c>
      <c r="W137" s="92">
        <v>6.7818504838454058E-2</v>
      </c>
      <c r="X137" s="168">
        <v>70</v>
      </c>
      <c r="Y137" s="164">
        <v>3.6871500989837656</v>
      </c>
      <c r="Z137" s="82">
        <v>0.39774994396121149</v>
      </c>
      <c r="AA137" s="172">
        <v>0.3737839871413251</v>
      </c>
      <c r="AB137" s="92">
        <v>0.11288482195784021</v>
      </c>
      <c r="AC137" s="171">
        <v>0.32621632042567211</v>
      </c>
      <c r="AD137" s="92">
        <v>0.10978503287334374</v>
      </c>
      <c r="AE137" s="171">
        <v>0.21889162420912836</v>
      </c>
      <c r="AF137" s="92">
        <v>9.8444689300492397E-2</v>
      </c>
      <c r="AG137" s="91">
        <v>8.1108068223874563E-2</v>
      </c>
      <c r="AH137" s="92">
        <v>7.0896434253207588E-2</v>
      </c>
    </row>
    <row r="138" spans="1:34">
      <c r="A138" s="52" t="s">
        <v>548</v>
      </c>
      <c r="B138" s="167">
        <v>123</v>
      </c>
      <c r="C138" s="162">
        <v>3.2776930233175183</v>
      </c>
      <c r="D138" s="81">
        <v>0.32700570844621252</v>
      </c>
      <c r="E138" s="170">
        <v>0.48493452876402715</v>
      </c>
      <c r="F138" s="89">
        <v>8.8697859901362155E-2</v>
      </c>
      <c r="G138" s="169">
        <v>0.18874477901632714</v>
      </c>
      <c r="H138" s="89">
        <v>7.0794534199819903E-2</v>
      </c>
      <c r="I138" s="169">
        <v>0.20292458635355576</v>
      </c>
      <c r="J138" s="89">
        <v>7.2572080971871747E-2</v>
      </c>
      <c r="K138" s="88">
        <v>0.12339610586608978</v>
      </c>
      <c r="L138" s="89">
        <v>6.0694929695475471E-2</v>
      </c>
      <c r="M138" s="167">
        <v>123</v>
      </c>
      <c r="N138" s="162">
        <v>4.3391013187559935</v>
      </c>
      <c r="O138" s="81">
        <v>0.3570594995007404</v>
      </c>
      <c r="P138" s="170">
        <v>0.26436384851933209</v>
      </c>
      <c r="Q138" s="89">
        <v>7.8953414659943877E-2</v>
      </c>
      <c r="R138" s="169">
        <v>0.19772756498657246</v>
      </c>
      <c r="S138" s="89">
        <v>7.1935281742231155E-2</v>
      </c>
      <c r="T138" s="169">
        <v>0.39184117496168869</v>
      </c>
      <c r="U138" s="89">
        <v>8.6766401307036542E-2</v>
      </c>
      <c r="V138" s="88">
        <v>0.1460674115324064</v>
      </c>
      <c r="W138" s="89">
        <v>6.4600132014942135E-2</v>
      </c>
      <c r="X138" s="167">
        <v>122</v>
      </c>
      <c r="Y138" s="162">
        <v>4.1458924798646493</v>
      </c>
      <c r="Z138" s="81">
        <v>0.31766616770726386</v>
      </c>
      <c r="AA138" s="170">
        <v>0.32936739553938438</v>
      </c>
      <c r="AB138" s="89">
        <v>8.4083060534522844E-2</v>
      </c>
      <c r="AC138" s="169">
        <v>0.20057587180844341</v>
      </c>
      <c r="AD138" s="89">
        <v>7.2582127581229769E-2</v>
      </c>
      <c r="AE138" s="169">
        <v>0.34920560104654547</v>
      </c>
      <c r="AF138" s="89">
        <v>8.520412010221004E-2</v>
      </c>
      <c r="AG138" s="88">
        <v>0.12085113160562619</v>
      </c>
      <c r="AH138" s="89">
        <v>6.048179272737033E-2</v>
      </c>
    </row>
    <row r="139" spans="1:34">
      <c r="A139" s="44" t="s">
        <v>549</v>
      </c>
      <c r="B139" s="168">
        <v>97</v>
      </c>
      <c r="C139" s="164">
        <v>3.222544494359012</v>
      </c>
      <c r="D139" s="82">
        <v>0.34102525158281366</v>
      </c>
      <c r="E139" s="172">
        <v>0.53203718767003327</v>
      </c>
      <c r="F139" s="92">
        <v>9.9315141236456572E-2</v>
      </c>
      <c r="G139" s="171">
        <v>0.20141086816671994</v>
      </c>
      <c r="H139" s="92">
        <v>8.1512074479844557E-2</v>
      </c>
      <c r="I139" s="171">
        <v>0.17952639212711127</v>
      </c>
      <c r="J139" s="92">
        <v>7.8417642153819814E-2</v>
      </c>
      <c r="K139" s="91">
        <v>8.7025552036136697E-2</v>
      </c>
      <c r="L139" s="92">
        <v>6.0588973795925406E-2</v>
      </c>
      <c r="M139" s="168">
        <v>101</v>
      </c>
      <c r="N139" s="164">
        <v>4.4109963232042064</v>
      </c>
      <c r="O139" s="82">
        <v>0.39824778849111298</v>
      </c>
      <c r="P139" s="172">
        <v>0.27337691797009095</v>
      </c>
      <c r="Q139" s="92">
        <v>8.7826764031868926E-2</v>
      </c>
      <c r="R139" s="171">
        <v>0.18031694093752632</v>
      </c>
      <c r="S139" s="92">
        <v>7.6951657314036082E-2</v>
      </c>
      <c r="T139" s="171">
        <v>0.37293096516082791</v>
      </c>
      <c r="U139" s="92">
        <v>9.4629148898369916E-2</v>
      </c>
      <c r="V139" s="91">
        <v>0.17337517593155582</v>
      </c>
      <c r="W139" s="92">
        <v>7.5917169761931899E-2</v>
      </c>
      <c r="X139" s="168">
        <v>94</v>
      </c>
      <c r="Y139" s="164">
        <v>4.0111799590026322</v>
      </c>
      <c r="Z139" s="82">
        <v>0.33607925214382534</v>
      </c>
      <c r="AA139" s="172">
        <v>0.3500187393043514</v>
      </c>
      <c r="AB139" s="92">
        <v>9.6743806894461618E-2</v>
      </c>
      <c r="AC139" s="171">
        <v>0.2341027409894359</v>
      </c>
      <c r="AD139" s="92">
        <v>8.6885427750836949E-2</v>
      </c>
      <c r="AE139" s="171">
        <v>0.30430136537070718</v>
      </c>
      <c r="AF139" s="92">
        <v>9.3626397111739673E-2</v>
      </c>
      <c r="AG139" s="91">
        <v>0.11157715433550652</v>
      </c>
      <c r="AH139" s="92">
        <v>6.7368148031816497E-2</v>
      </c>
    </row>
    <row r="140" spans="1:34">
      <c r="A140" s="52" t="s">
        <v>550</v>
      </c>
      <c r="B140" s="167">
        <v>132</v>
      </c>
      <c r="C140" s="162">
        <v>3.3414614173929267</v>
      </c>
      <c r="D140" s="81">
        <v>0.31290682468915992</v>
      </c>
      <c r="E140" s="170">
        <v>0.48417268093154719</v>
      </c>
      <c r="F140" s="89">
        <v>8.570881188879656E-2</v>
      </c>
      <c r="G140" s="169">
        <v>0.16748926161302438</v>
      </c>
      <c r="H140" s="89">
        <v>6.5494655075179667E-2</v>
      </c>
      <c r="I140" s="169">
        <v>0.23971939543901449</v>
      </c>
      <c r="J140" s="89">
        <v>7.3999296798600747E-2</v>
      </c>
      <c r="K140" s="88">
        <v>0.10861866201641407</v>
      </c>
      <c r="L140" s="89">
        <v>5.5756479520515601E-2</v>
      </c>
      <c r="M140" s="167">
        <v>132</v>
      </c>
      <c r="N140" s="162">
        <v>4.2402052070347818</v>
      </c>
      <c r="O140" s="81">
        <v>0.34601878550403203</v>
      </c>
      <c r="P140" s="170">
        <v>0.30429369638736387</v>
      </c>
      <c r="Q140" s="89">
        <v>7.9320442416854389E-2</v>
      </c>
      <c r="R140" s="169">
        <v>0.15369998443666211</v>
      </c>
      <c r="S140" s="89">
        <v>6.348387806809358E-2</v>
      </c>
      <c r="T140" s="169">
        <v>0.40034602651013457</v>
      </c>
      <c r="U140" s="89">
        <v>8.412956853226404E-2</v>
      </c>
      <c r="V140" s="88">
        <v>0.14166029266583954</v>
      </c>
      <c r="W140" s="89">
        <v>6.1604752589341706E-2</v>
      </c>
      <c r="X140" s="167">
        <v>131</v>
      </c>
      <c r="Y140" s="162">
        <v>4.1514142195242671</v>
      </c>
      <c r="Z140" s="81">
        <v>0.31062354597739478</v>
      </c>
      <c r="AA140" s="170">
        <v>0.26009456242521156</v>
      </c>
      <c r="AB140" s="89">
        <v>7.6168526026237526E-2</v>
      </c>
      <c r="AC140" s="169">
        <v>0.2201729506249939</v>
      </c>
      <c r="AD140" s="89">
        <v>7.2268689436158759E-2</v>
      </c>
      <c r="AE140" s="169">
        <v>0.3581208436129602</v>
      </c>
      <c r="AF140" s="89">
        <v>8.2739305655775627E-2</v>
      </c>
      <c r="AG140" s="88">
        <v>0.16161164333683448</v>
      </c>
      <c r="AH140" s="89">
        <v>6.4905258357084827E-2</v>
      </c>
    </row>
    <row r="141" spans="1:34">
      <c r="A141" s="44" t="s">
        <v>551</v>
      </c>
      <c r="B141" s="168">
        <v>122</v>
      </c>
      <c r="C141" s="164">
        <v>3.3426041802718012</v>
      </c>
      <c r="D141" s="82">
        <v>0.28926193357615548</v>
      </c>
      <c r="E141" s="172">
        <v>0.48130487933051214</v>
      </c>
      <c r="F141" s="92">
        <v>8.902867937783765E-2</v>
      </c>
      <c r="G141" s="171">
        <v>0.23517492838154166</v>
      </c>
      <c r="H141" s="92">
        <v>7.6480072511036362E-2</v>
      </c>
      <c r="I141" s="171">
        <v>0.2056560241481577</v>
      </c>
      <c r="J141" s="92">
        <v>7.3197961219181484E-2</v>
      </c>
      <c r="K141" s="91">
        <v>7.7864168139788345E-2</v>
      </c>
      <c r="L141" s="92">
        <v>5.1311668168413739E-2</v>
      </c>
      <c r="M141" s="168">
        <v>124</v>
      </c>
      <c r="N141" s="164">
        <v>4.4522786677023856</v>
      </c>
      <c r="O141" s="82">
        <v>0.35680881284746852</v>
      </c>
      <c r="P141" s="172">
        <v>0.2766414618772417</v>
      </c>
      <c r="Q141" s="92">
        <v>7.9683026044981647E-2</v>
      </c>
      <c r="R141" s="171">
        <v>0.21843109092862018</v>
      </c>
      <c r="S141" s="92">
        <v>7.4076943149325253E-2</v>
      </c>
      <c r="T141" s="171">
        <v>0.41074034690482597</v>
      </c>
      <c r="U141" s="92">
        <v>8.7056534995106308E-2</v>
      </c>
      <c r="V141" s="91">
        <v>9.4187100289311945E-2</v>
      </c>
      <c r="W141" s="92">
        <v>5.461450784557912E-2</v>
      </c>
      <c r="X141" s="168">
        <v>119</v>
      </c>
      <c r="Y141" s="164">
        <v>4.0600125128578011</v>
      </c>
      <c r="Z141" s="82">
        <v>0.324119876502031</v>
      </c>
      <c r="AA141" s="172">
        <v>0.3163220157167112</v>
      </c>
      <c r="AB141" s="92">
        <v>8.4280027576105296E-2</v>
      </c>
      <c r="AC141" s="171">
        <v>0.18194124948601029</v>
      </c>
      <c r="AD141" s="92">
        <v>7.1068785426659731E-2</v>
      </c>
      <c r="AE141" s="171">
        <v>0.38054607989885675</v>
      </c>
      <c r="AF141" s="92">
        <v>8.7725319799535545E-2</v>
      </c>
      <c r="AG141" s="91">
        <v>0.12119065489842126</v>
      </c>
      <c r="AH141" s="92">
        <v>6.133602748083513E-2</v>
      </c>
    </row>
    <row r="142" spans="1:34">
      <c r="A142" s="52" t="s">
        <v>543</v>
      </c>
      <c r="B142" s="167">
        <v>163</v>
      </c>
      <c r="C142" s="162">
        <v>3.4527761277593396</v>
      </c>
      <c r="D142" s="81">
        <v>0.26162934088039991</v>
      </c>
      <c r="E142" s="170">
        <v>0.46954764915171099</v>
      </c>
      <c r="F142" s="89">
        <v>7.7245474809102294E-2</v>
      </c>
      <c r="G142" s="169">
        <v>0.23916494324729523</v>
      </c>
      <c r="H142" s="89">
        <v>6.6600102408793119E-2</v>
      </c>
      <c r="I142" s="169">
        <v>0.18440606352888461</v>
      </c>
      <c r="J142" s="89">
        <v>6.0953415376639522E-2</v>
      </c>
      <c r="K142" s="88">
        <v>0.10688134407210857</v>
      </c>
      <c r="L142" s="89">
        <v>4.9614630807765722E-2</v>
      </c>
      <c r="M142" s="167">
        <v>168</v>
      </c>
      <c r="N142" s="162">
        <v>4.5953945543733843</v>
      </c>
      <c r="O142" s="81">
        <v>0.29843853800662662</v>
      </c>
      <c r="P142" s="170">
        <v>0.2348454457818947</v>
      </c>
      <c r="Q142" s="89">
        <v>6.5223253129046754E-2</v>
      </c>
      <c r="R142" s="169">
        <v>0.14119350991398985</v>
      </c>
      <c r="S142" s="89">
        <v>5.4383709778653602E-2</v>
      </c>
      <c r="T142" s="169">
        <v>0.45696267328322465</v>
      </c>
      <c r="U142" s="89">
        <v>7.5979332585183162E-2</v>
      </c>
      <c r="V142" s="88">
        <v>0.16699837102088991</v>
      </c>
      <c r="W142" s="89">
        <v>5.7910841749243429E-2</v>
      </c>
      <c r="X142" s="167">
        <v>162</v>
      </c>
      <c r="Y142" s="162">
        <v>4.3812650052000865</v>
      </c>
      <c r="Z142" s="81">
        <v>0.23909234341945215</v>
      </c>
      <c r="AA142" s="170">
        <v>0.24614934262093754</v>
      </c>
      <c r="AB142" s="89">
        <v>6.7418487540920252E-2</v>
      </c>
      <c r="AC142" s="169">
        <v>0.16435921477391824</v>
      </c>
      <c r="AD142" s="89">
        <v>5.8641034988518172E-2</v>
      </c>
      <c r="AE142" s="169">
        <v>0.44625705124246534</v>
      </c>
      <c r="AF142" s="89">
        <v>7.7186866634507814E-2</v>
      </c>
      <c r="AG142" s="88">
        <v>0.1432343913626781</v>
      </c>
      <c r="AH142" s="89">
        <v>5.5705433100132269E-2</v>
      </c>
    </row>
    <row r="143" spans="1:34">
      <c r="A143" s="44" t="s">
        <v>544</v>
      </c>
      <c r="B143" s="168">
        <v>48</v>
      </c>
      <c r="C143" s="164">
        <v>3.6579744543431536</v>
      </c>
      <c r="D143" s="82">
        <v>0.49944087714963348</v>
      </c>
      <c r="E143" s="172">
        <v>0.36301658736668657</v>
      </c>
      <c r="F143" s="92">
        <v>0.13416733285364704</v>
      </c>
      <c r="G143" s="171">
        <v>0.28776429652174956</v>
      </c>
      <c r="H143" s="92">
        <v>0.12758686900906499</v>
      </c>
      <c r="I143" s="171">
        <v>0.20334160732020884</v>
      </c>
      <c r="J143" s="92">
        <v>0.11602800291301256</v>
      </c>
      <c r="K143" s="91">
        <v>0.14587750879135497</v>
      </c>
      <c r="L143" s="92">
        <v>0.10493513095941871</v>
      </c>
      <c r="M143" s="168">
        <v>49</v>
      </c>
      <c r="N143" s="164">
        <v>5.130192568888269</v>
      </c>
      <c r="O143" s="82">
        <v>0.48817480580796152</v>
      </c>
      <c r="P143" s="172">
        <v>0.12021821969010946</v>
      </c>
      <c r="Q143" s="92">
        <v>9.7792790073728264E-2</v>
      </c>
      <c r="R143" s="171">
        <v>0.12909724236128203</v>
      </c>
      <c r="S143" s="92">
        <v>9.9967038187060528E-2</v>
      </c>
      <c r="T143" s="171">
        <v>0.57320112162284997</v>
      </c>
      <c r="U143" s="92">
        <v>0.13609649467273172</v>
      </c>
      <c r="V143" s="91">
        <v>0.1774834163257587</v>
      </c>
      <c r="W143" s="92">
        <v>0.11026254989646311</v>
      </c>
      <c r="X143" s="168">
        <v>47</v>
      </c>
      <c r="Y143" s="164">
        <v>4.7557244227466695</v>
      </c>
      <c r="Z143" s="82">
        <v>0.44437534816427054</v>
      </c>
      <c r="AA143" s="172">
        <v>0.20659634372049357</v>
      </c>
      <c r="AB143" s="92">
        <v>0.11778624043283956</v>
      </c>
      <c r="AC143" s="171">
        <v>0.10712223141085665</v>
      </c>
      <c r="AD143" s="92">
        <v>9.6572551588925207E-2</v>
      </c>
      <c r="AE143" s="171">
        <v>0.64550107355267206</v>
      </c>
      <c r="AF143" s="92">
        <v>0.1348986779782832</v>
      </c>
      <c r="AG143" s="91">
        <v>4.0780351315977618E-2</v>
      </c>
      <c r="AH143" s="92">
        <v>7.4570514372208102E-2</v>
      </c>
    </row>
    <row r="144" spans="1:34">
      <c r="A144" s="52" t="s">
        <v>552</v>
      </c>
      <c r="B144" s="167">
        <v>115</v>
      </c>
      <c r="C144" s="162">
        <v>3.3715566068316285</v>
      </c>
      <c r="D144" s="81">
        <v>0.30659639598598759</v>
      </c>
      <c r="E144" s="170">
        <v>0.51445029108911411</v>
      </c>
      <c r="F144" s="89">
        <v>9.1634089812308653E-2</v>
      </c>
      <c r="G144" s="169">
        <v>0.21868040735788621</v>
      </c>
      <c r="H144" s="89">
        <v>7.6935038112058332E-2</v>
      </c>
      <c r="I144" s="169">
        <v>0.17642476747771382</v>
      </c>
      <c r="J144" s="89">
        <v>7.1530563291538035E-2</v>
      </c>
      <c r="K144" s="88">
        <v>9.0444534075285063E-2</v>
      </c>
      <c r="L144" s="89">
        <v>5.6016549201393789E-2</v>
      </c>
      <c r="M144" s="167">
        <v>119</v>
      </c>
      <c r="N144" s="162">
        <v>4.3741307528508315</v>
      </c>
      <c r="O144" s="81">
        <v>0.35830068579797464</v>
      </c>
      <c r="P144" s="170">
        <v>0.28312976548098612</v>
      </c>
      <c r="Q144" s="89">
        <v>8.1843912169220462E-2</v>
      </c>
      <c r="R144" s="169">
        <v>0.14628880943046793</v>
      </c>
      <c r="S144" s="89">
        <v>6.5739921033949017E-2</v>
      </c>
      <c r="T144" s="169">
        <v>0.40799965993713999</v>
      </c>
      <c r="U144" s="89">
        <v>8.8726765049443199E-2</v>
      </c>
      <c r="V144" s="88">
        <v>0.16258176515140518</v>
      </c>
      <c r="W144" s="89">
        <v>6.8297169048123538E-2</v>
      </c>
      <c r="X144" s="167">
        <v>115</v>
      </c>
      <c r="Y144" s="162">
        <v>4.1978585964270962</v>
      </c>
      <c r="Z144" s="81">
        <v>0.27676423427047181</v>
      </c>
      <c r="AA144" s="170">
        <v>0.26259259172665306</v>
      </c>
      <c r="AB144" s="89">
        <v>8.1449701234407382E-2</v>
      </c>
      <c r="AC144" s="169">
        <v>0.18815417347900762</v>
      </c>
      <c r="AD144" s="89">
        <v>7.314770879616693E-2</v>
      </c>
      <c r="AE144" s="169">
        <v>0.36342593393786388</v>
      </c>
      <c r="AF144" s="89">
        <v>8.8418485017068171E-2</v>
      </c>
      <c r="AG144" s="88">
        <v>0.18582730085647448</v>
      </c>
      <c r="AH144" s="89">
        <v>7.2834470581414415E-2</v>
      </c>
    </row>
    <row r="145" spans="1:34">
      <c r="A145" s="44" t="s">
        <v>545</v>
      </c>
      <c r="B145" s="168">
        <v>164</v>
      </c>
      <c r="C145" s="164">
        <v>2.9724782387183279</v>
      </c>
      <c r="D145" s="82">
        <v>0.27417701428908847</v>
      </c>
      <c r="E145" s="172">
        <v>0.59891922068715908</v>
      </c>
      <c r="F145" s="92">
        <v>7.5699184382988088E-2</v>
      </c>
      <c r="G145" s="171">
        <v>0.17446216900139824</v>
      </c>
      <c r="H145" s="92">
        <v>5.9564184459883436E-2</v>
      </c>
      <c r="I145" s="171">
        <v>0.16580459100437675</v>
      </c>
      <c r="J145" s="92">
        <v>5.8466213765073848E-2</v>
      </c>
      <c r="K145" s="91">
        <v>6.0814019307065086E-2</v>
      </c>
      <c r="L145" s="92">
        <v>3.9698655787027068E-2</v>
      </c>
      <c r="M145" s="168">
        <v>189</v>
      </c>
      <c r="N145" s="164">
        <v>3.934983511970557</v>
      </c>
      <c r="O145" s="82">
        <v>0.28988217115723375</v>
      </c>
      <c r="P145" s="172">
        <v>0.35192698361570274</v>
      </c>
      <c r="Q145" s="92">
        <v>6.8888104474838799E-2</v>
      </c>
      <c r="R145" s="171">
        <v>0.15351926520383768</v>
      </c>
      <c r="S145" s="92">
        <v>5.2871072944053937E-2</v>
      </c>
      <c r="T145" s="171">
        <v>0.3687162974150528</v>
      </c>
      <c r="U145" s="92">
        <v>6.9561410192685594E-2</v>
      </c>
      <c r="V145" s="91">
        <v>0.12583745376540598</v>
      </c>
      <c r="W145" s="92">
        <v>4.8978215303643644E-2</v>
      </c>
      <c r="X145" s="168">
        <v>165</v>
      </c>
      <c r="Y145" s="164">
        <v>3.5004662093716963</v>
      </c>
      <c r="Z145" s="82">
        <v>0.24011958679226539</v>
      </c>
      <c r="AA145" s="172">
        <v>0.47068572520955809</v>
      </c>
      <c r="AB145" s="92">
        <v>7.6796953539511659E-2</v>
      </c>
      <c r="AC145" s="171">
        <v>0.26187658736488273</v>
      </c>
      <c r="AD145" s="92">
        <v>6.8101843247313498E-2</v>
      </c>
      <c r="AE145" s="171">
        <v>0.19860253563565561</v>
      </c>
      <c r="AF145" s="92">
        <v>6.219054857489361E-2</v>
      </c>
      <c r="AG145" s="91">
        <v>6.8835151789902543E-2</v>
      </c>
      <c r="AH145" s="92">
        <v>4.1507931200998445E-2</v>
      </c>
    </row>
    <row r="147" spans="1:34">
      <c r="I147" s="238"/>
      <c r="J147" s="238"/>
      <c r="K147" s="238"/>
      <c r="L147" s="238"/>
      <c r="M147" s="238"/>
      <c r="N147" s="238"/>
      <c r="O147" s="238"/>
      <c r="P147" s="238"/>
      <c r="Q147" s="238"/>
      <c r="R147" s="238"/>
      <c r="S147" s="238"/>
      <c r="T147" s="238"/>
      <c r="U147" s="238"/>
      <c r="V147" s="238"/>
      <c r="W147" s="238"/>
    </row>
  </sheetData>
  <mergeCells count="19">
    <mergeCell ref="X121:AH121"/>
    <mergeCell ref="T34:AB34"/>
    <mergeCell ref="AC34:AK34"/>
    <mergeCell ref="A33:AK33"/>
    <mergeCell ref="A32:AK32"/>
    <mergeCell ref="A90:D90"/>
    <mergeCell ref="A62:L62"/>
    <mergeCell ref="A91:D91"/>
    <mergeCell ref="A92:D92"/>
    <mergeCell ref="B121:L121"/>
    <mergeCell ref="M121:W121"/>
    <mergeCell ref="A120:AH120"/>
    <mergeCell ref="A119:AH119"/>
    <mergeCell ref="A3:D3"/>
    <mergeCell ref="A4:D4"/>
    <mergeCell ref="A5:D5"/>
    <mergeCell ref="A63:L63"/>
    <mergeCell ref="B34:J34"/>
    <mergeCell ref="K34:S34"/>
  </mergeCell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2</vt:i4>
      </vt:variant>
    </vt:vector>
  </HeadingPairs>
  <TitlesOfParts>
    <vt:vector size="12" baseType="lpstr">
      <vt:lpstr>Cover</vt:lpstr>
      <vt:lpstr>Explanatory notes</vt:lpstr>
      <vt:lpstr>About the region</vt:lpstr>
      <vt:lpstr>Index of tables</vt:lpstr>
      <vt:lpstr>1 IndividualWellbeing</vt:lpstr>
      <vt:lpstr>2 CommunityWellbeing</vt:lpstr>
      <vt:lpstr>3 FinancialCapital</vt:lpstr>
      <vt:lpstr>4 HumanCapital</vt:lpstr>
      <vt:lpstr>5 InstitutionalCapital</vt:lpstr>
      <vt:lpstr>6 SocialCapital</vt:lpstr>
      <vt:lpstr>7 PhysicalCapital</vt:lpstr>
      <vt:lpstr>8 NaturalCapital</vt:lpstr>
    </vt:vector>
  </TitlesOfParts>
  <Company>University of Canberr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431240</dc:creator>
  <cp:lastModifiedBy>Mel.Mylek</cp:lastModifiedBy>
  <dcterms:created xsi:type="dcterms:W3CDTF">2014-05-19T04:59:05Z</dcterms:created>
  <dcterms:modified xsi:type="dcterms:W3CDTF">2020-01-20T03:29:32Z</dcterms:modified>
</cp:coreProperties>
</file>